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C:\Users\claudia.teodorescu\Desktop\date deschise propuneri\seturi de date\s4\"/>
    </mc:Choice>
  </mc:AlternateContent>
  <bookViews>
    <workbookView xWindow="0" yWindow="0" windowWidth="28800" windowHeight="12435"/>
  </bookViews>
  <sheets>
    <sheet name="situatie pe discipline preunive" sheetId="1" r:id="rId1"/>
  </sheets>
  <calcPr calcId="152511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548" uniqueCount="161">
  <si>
    <t xml:space="preserve">Nr. crt. </t>
  </si>
  <si>
    <t>SPECIALITATEA CATEDREI (POSTULUI)</t>
  </si>
  <si>
    <t>Limba de predare / Studiul limbii materne</t>
  </si>
  <si>
    <t>Norme/posturi didactice</t>
  </si>
  <si>
    <t>PERSONAL DIDACTIC FARA STUDII CORESPUNZATOARE POSTULUI</t>
  </si>
  <si>
    <t>Cu studii superioare, în alt domeniu diferit de cel corespunzător postului didactic</t>
  </si>
  <si>
    <t>Studenţi, în curs de calificare</t>
  </si>
  <si>
    <t>Cu studii medii</t>
  </si>
  <si>
    <t>Total</t>
  </si>
  <si>
    <t>din care:</t>
  </si>
  <si>
    <t>Urban</t>
  </si>
  <si>
    <t>Rural</t>
  </si>
  <si>
    <t>EDUCATOARE                                                            din care</t>
  </si>
  <si>
    <t>în româna</t>
  </si>
  <si>
    <t>în bulgara</t>
  </si>
  <si>
    <t>în ceha</t>
  </si>
  <si>
    <t>în croata</t>
  </si>
  <si>
    <t>în germana materna</t>
  </si>
  <si>
    <t>în italiana materna</t>
  </si>
  <si>
    <t>în maghiara</t>
  </si>
  <si>
    <t>în polona</t>
  </si>
  <si>
    <t>în rromani</t>
  </si>
  <si>
    <t>în sârba</t>
  </si>
  <si>
    <t>în slovaca</t>
  </si>
  <si>
    <t>în ucraineana</t>
  </si>
  <si>
    <t>TOTAL EDUCATOARE</t>
  </si>
  <si>
    <t>INVATATORI                                                                                                                                                                                            din care</t>
  </si>
  <si>
    <t>în rusa materna</t>
  </si>
  <si>
    <t>în turca</t>
  </si>
  <si>
    <t>studiul limbii bulgare</t>
  </si>
  <si>
    <t>studiul limbii cehe</t>
  </si>
  <si>
    <t>studiul limbii croate</t>
  </si>
  <si>
    <t>studiul limbii germane materna</t>
  </si>
  <si>
    <t>studiul limbii italiene materna</t>
  </si>
  <si>
    <t>studiul limbii maghiare</t>
  </si>
  <si>
    <t>studiul limbii polone</t>
  </si>
  <si>
    <t>studiul limbii rromani</t>
  </si>
  <si>
    <t>studiul limbii ruse materna</t>
  </si>
  <si>
    <t>studiul limbii sârbe</t>
  </si>
  <si>
    <t>studiul limbii slovace</t>
  </si>
  <si>
    <t>studiul limbii turce</t>
  </si>
  <si>
    <t>studiul limbii ucraineane</t>
  </si>
  <si>
    <t>TOTAL INVATATORI</t>
  </si>
  <si>
    <t>Lb. romana</t>
  </si>
  <si>
    <t>romana</t>
  </si>
  <si>
    <t>Lb. bulgara materna</t>
  </si>
  <si>
    <t>Lb. ceha materna</t>
  </si>
  <si>
    <t>Lb. croata materna</t>
  </si>
  <si>
    <t>Lb. germana materna</t>
  </si>
  <si>
    <t>Lb. maghiara materna</t>
  </si>
  <si>
    <t>Lb. polona materna</t>
  </si>
  <si>
    <t>Lb. rromani materna</t>
  </si>
  <si>
    <t>Lb. rusa materna</t>
  </si>
  <si>
    <t>Lb. sarba materna</t>
  </si>
  <si>
    <t>Lb. slovaca materna</t>
  </si>
  <si>
    <t>Lb. turca materna</t>
  </si>
  <si>
    <t>Lb. ucraineana materna</t>
  </si>
  <si>
    <t>Lb. latina</t>
  </si>
  <si>
    <t>Lb. greaca veche (elina)</t>
  </si>
  <si>
    <t>Lb. neogreaca</t>
  </si>
  <si>
    <t>Lb. chineza</t>
  </si>
  <si>
    <t>Lb. japoneza</t>
  </si>
  <si>
    <t>Lb. engleza</t>
  </si>
  <si>
    <t>maghiara</t>
  </si>
  <si>
    <t>germana materna</t>
  </si>
  <si>
    <t>altele</t>
  </si>
  <si>
    <t>Lb. franceza</t>
  </si>
  <si>
    <t>Lb. germana</t>
  </si>
  <si>
    <t>Lb. italiana</t>
  </si>
  <si>
    <t>Lb. portugheza</t>
  </si>
  <si>
    <t>Lb. rusa</t>
  </si>
  <si>
    <t>Lb. spaniola</t>
  </si>
  <si>
    <t>Literatura universala</t>
  </si>
  <si>
    <t>Istorie</t>
  </si>
  <si>
    <t>Istoria si traditia minoritatilor</t>
  </si>
  <si>
    <t>Cultura civica, Gandire critica si drepturile copilului, Educatie interculturala; Educatie pentru cetatenie democratica</t>
  </si>
  <si>
    <t>Socio-umane (educatie pentru societate, logica, argumentare si comunicare, psihologie, sociologie, filosofie, studii sociale)</t>
  </si>
  <si>
    <t>Pedagogie</t>
  </si>
  <si>
    <t>Economie, economie aplicata, educatie antreprenoriala</t>
  </si>
  <si>
    <t>Religie / Discipline teologice de specialitate</t>
  </si>
  <si>
    <t>Geografie / Geologie</t>
  </si>
  <si>
    <t>Matematica</t>
  </si>
  <si>
    <t>Informatica, T.I., T.I.C., I.T.A.C.</t>
  </si>
  <si>
    <t>Fizica</t>
  </si>
  <si>
    <t>Chimie</t>
  </si>
  <si>
    <t>Biologie</t>
  </si>
  <si>
    <t>Stiinte</t>
  </si>
  <si>
    <t>Ed. artistica</t>
  </si>
  <si>
    <t>Ed. plastica / Ed. vizuala</t>
  </si>
  <si>
    <t>Arte plastice/ Arte vizuale/ Arhitectura</t>
  </si>
  <si>
    <t>Ed. muzicala</t>
  </si>
  <si>
    <t xml:space="preserve">Ed. muzicala specializata </t>
  </si>
  <si>
    <t>Ed. artistica specializata (teatru)</t>
  </si>
  <si>
    <t>Coregrafie</t>
  </si>
  <si>
    <t>Ed. fizica</t>
  </si>
  <si>
    <t>Ed. fizica si sport (C.S. Scolare)</t>
  </si>
  <si>
    <t>Profesori documentaristi</t>
  </si>
  <si>
    <t>Palatele si cluburile copiilor</t>
  </si>
  <si>
    <t>Profesori metodisti (CCD)</t>
  </si>
  <si>
    <t>TOTAL PROFESORI</t>
  </si>
  <si>
    <t>Educatoare/Educator; Eductoare/Educator itinerant/de sprijin (inv. special prescolar)</t>
  </si>
  <si>
    <t>Invatator-educator</t>
  </si>
  <si>
    <t>Invatator itinerant/de sprijin (inv, special primar)</t>
  </si>
  <si>
    <t>Profesor-educator</t>
  </si>
  <si>
    <t>alete</t>
  </si>
  <si>
    <t>Psihopedagogia speciala / profesor psihopedagog</t>
  </si>
  <si>
    <t>Profesor itinerant</t>
  </si>
  <si>
    <t>Kinetoterapia</t>
  </si>
  <si>
    <t>Maistru activitati de profesionalizare (inv. special gimnazial)</t>
  </si>
  <si>
    <t>TOTAL INV. SPECIAL</t>
  </si>
  <si>
    <t>Prof. ed. tehnologica</t>
  </si>
  <si>
    <t>Prof. mecanica/ mecanica metalurgie/ mecanica agricola/ mecanica in constructii/ mecanica nave/ mecanica petrol si gaze</t>
  </si>
  <si>
    <t>Prof. electrotehnica / electromecanica / energetica</t>
  </si>
  <si>
    <t>Prof. electronica / automatizari / telecomunicatii</t>
  </si>
  <si>
    <t xml:space="preserve">Prof. filatura - tesatorie / tricotaje si confectii / confectii piele </t>
  </si>
  <si>
    <t>Prof. constructii / instalatii pentru constructii</t>
  </si>
  <si>
    <t>Prof. chimie industriala</t>
  </si>
  <si>
    <t xml:space="preserve">Protectia mediului </t>
  </si>
  <si>
    <t>Prof. industrie alimentara</t>
  </si>
  <si>
    <t>Prof. agricultura / horticultura</t>
  </si>
  <si>
    <t>Prof. veterinar</t>
  </si>
  <si>
    <t>Prof. zootehnie</t>
  </si>
  <si>
    <t>Prof. silvicultura</t>
  </si>
  <si>
    <t>Prof. prelucrarea lemnului</t>
  </si>
  <si>
    <t xml:space="preserve">Prof.economist/posta/drept/ comert/turism/alim. publica </t>
  </si>
  <si>
    <t>Prof. transporturi (rutiere, feroviare, navale, aeronautice)</t>
  </si>
  <si>
    <t>Prof. estetica si ingrijirea corpului omenesc</t>
  </si>
  <si>
    <t>Prof. media si poligrafie / tehnici poligrafice/ tehnici cinematografice si de televiziune</t>
  </si>
  <si>
    <t>Prof. medicina generala</t>
  </si>
  <si>
    <t>Prof. farmacie</t>
  </si>
  <si>
    <t>TOTAL DISCIPLINE TEHNOLOGICE</t>
  </si>
  <si>
    <t>Pregatire-instruire practica mecanica/ mecanica metalurgie/ mecanica agricola/ mecanica in constructii/ mecanica nave/ mecanica petrol si gaze</t>
  </si>
  <si>
    <t>Pregatire-instruire practica electrotehnica / electromecanica / energetica</t>
  </si>
  <si>
    <t>Pregatire-instruire practica electronica / automatizari / telecomunicatii</t>
  </si>
  <si>
    <t xml:space="preserve">Pregatire-instruire practica filatura - tesatorie / tricotaje si confectii / confectii piele </t>
  </si>
  <si>
    <t>Pregatire-instruire practica constructii / instalatii pentru constructii</t>
  </si>
  <si>
    <t>Pregatire-instruire practica chimie industriala/ materiale pentru constructii</t>
  </si>
  <si>
    <t>Pregatire-instruire practica industrie alimentara</t>
  </si>
  <si>
    <t>Pregatire-instruire practica agricultura / horticultura</t>
  </si>
  <si>
    <t>Pregatire-instruire practica zootehnist / veterinar</t>
  </si>
  <si>
    <t>Pregatire-instruire practica piscicultor</t>
  </si>
  <si>
    <t>Pregatire-instruire practica silvicultura</t>
  </si>
  <si>
    <t>Pregatire-instruire practica  prelucrarea lemnului</t>
  </si>
  <si>
    <t xml:space="preserve">Pregatire-instruire practica economic/ posta/ comert/ turism/ alim. publica </t>
  </si>
  <si>
    <t>Pregatire-instruire practica transporturi (rutiere, feroviare, navale, aeronautice)</t>
  </si>
  <si>
    <t>Pregatire-instruire practica estetica si ingrijirea corpului omenesc</t>
  </si>
  <si>
    <t>Pregatire-instruire practica media si poligrafie /tehnici poligrafice/ tehnici cinematografice si de televiziune</t>
  </si>
  <si>
    <t>Pregatire-instruire practica asistenta medicala generala</t>
  </si>
  <si>
    <t>Pregatire-instruire practica farmacie</t>
  </si>
  <si>
    <t>TOTAL PREGATIRE SI INSTRUIRE PRACTICA</t>
  </si>
  <si>
    <t>Consiliere psihopedagogica (posturi din cadrul C.J.A.P./C.M.A.P.)</t>
  </si>
  <si>
    <t>Consiliere psihopedagogica (posturi din cabinete asistenta psihopedagogica)</t>
  </si>
  <si>
    <t>Profesor logoped (posturi din centre logopedice școlare din subordinea CJRAE)</t>
  </si>
  <si>
    <t>Profesor logoped (posturi din unit. Inv. special)</t>
  </si>
  <si>
    <t>TOTAL (*)</t>
  </si>
  <si>
    <t xml:space="preserve">Cadre didactice calificate angajate pe perioada determinata </t>
  </si>
  <si>
    <t>Personal didactic asociat / pensionat</t>
  </si>
  <si>
    <t>SITUAŢIE PE DISCIPLINE A OCUPĂRII NORMELOR/POSTURILOR DIDACTICE DE PREDARE DIN ÎNV. PREUNIVERSITAR, PE CATEGORII DE PERSONAL  an scolar 2020-2021</t>
  </si>
  <si>
    <t>din care ocupate cu:</t>
  </si>
  <si>
    <t>Titulari</t>
  </si>
  <si>
    <t>Cadre didactice debutante, care nu au dobândit definitivarea în învăţământ, repartizate pe posturi didactice/catedre vacante publicate pentru angajare nedeterminată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fonts count="21" x14ac:knownFonts="1">
    <font>
      <sz val="11"/>
      <color theme="1"/>
      <name val="Calibri"/>
      <family val="2"/>
      <charset val="238"/>
      <scheme val="minor"/>
    </font>
    <font>
      <b/>
      <sz val="10"/>
      <name val="Arial"/>
      <family val="2"/>
    </font>
    <font>
      <sz val="7"/>
      <name val="Arial"/>
      <family val="2"/>
    </font>
    <font>
      <b/>
      <sz val="7"/>
      <name val="Arial"/>
      <family val="2"/>
      <charset val="238"/>
    </font>
    <font>
      <sz val="9"/>
      <name val="Arial"/>
      <family val="2"/>
      <charset val="238"/>
    </font>
    <font>
      <b/>
      <sz val="9"/>
      <name val="Arial"/>
      <family val="2"/>
      <charset val="238"/>
    </font>
    <font>
      <b/>
      <sz val="8"/>
      <name val="Arial"/>
      <family val="2"/>
      <charset val="238"/>
    </font>
    <font>
      <sz val="8"/>
      <name val="Arial"/>
      <family val="2"/>
      <charset val="238"/>
    </font>
    <font>
      <b/>
      <sz val="6"/>
      <name val="Arial"/>
      <family val="2"/>
      <charset val="238"/>
    </font>
    <font>
      <sz val="7"/>
      <name val="Arial"/>
      <family val="2"/>
      <charset val="238"/>
    </font>
    <font>
      <sz val="10"/>
      <name val="Arial"/>
      <family val="2"/>
    </font>
    <font>
      <b/>
      <sz val="8.5"/>
      <name val="Arial"/>
      <family val="2"/>
      <charset val="238"/>
    </font>
    <font>
      <sz val="7.5"/>
      <name val="Arial"/>
      <family val="2"/>
      <charset val="238"/>
    </font>
    <font>
      <sz val="6"/>
      <name val="Arial"/>
      <family val="2"/>
    </font>
    <font>
      <b/>
      <sz val="7.5"/>
      <name val="Arial"/>
      <family val="2"/>
    </font>
    <font>
      <b/>
      <sz val="7"/>
      <name val="Arial"/>
      <family val="2"/>
    </font>
    <font>
      <b/>
      <sz val="8.5"/>
      <name val="Arial"/>
      <family val="2"/>
    </font>
    <font>
      <b/>
      <sz val="8"/>
      <color theme="1"/>
      <name val="Arial"/>
      <family val="2"/>
    </font>
    <font>
      <b/>
      <sz val="11"/>
      <color rgb="FFFF0000"/>
      <name val="Arial"/>
      <family val="2"/>
      <charset val="238"/>
    </font>
    <font>
      <sz val="8"/>
      <name val="Arial"/>
      <family val="2"/>
    </font>
    <font>
      <b/>
      <sz val="8"/>
      <name val="Arial"/>
      <family val="2"/>
    </font>
  </fonts>
  <fills count="10">
    <fill>
      <patternFill patternType="none"/>
    </fill>
    <fill>
      <patternFill patternType="gray125"/>
    </fill>
    <fill>
      <patternFill patternType="solid">
        <fgColor theme="9" tint="0.79998168889431442"/>
        <bgColor indexed="64"/>
      </patternFill>
    </fill>
    <fill>
      <patternFill patternType="solid">
        <fgColor theme="3" tint="0.79998168889431442"/>
        <bgColor indexed="64"/>
      </patternFill>
    </fill>
    <fill>
      <patternFill patternType="solid">
        <fgColor theme="6" tint="0.79998168889431442"/>
        <bgColor indexed="64"/>
      </patternFill>
    </fill>
    <fill>
      <patternFill patternType="solid">
        <fgColor theme="0"/>
        <bgColor indexed="64"/>
      </patternFill>
    </fill>
    <fill>
      <patternFill patternType="solid">
        <fgColor theme="8" tint="0.79998168889431442"/>
        <bgColor indexed="64"/>
      </patternFill>
    </fill>
    <fill>
      <patternFill patternType="solid">
        <fgColor rgb="FFFFFFCC"/>
        <bgColor indexed="64"/>
      </patternFill>
    </fill>
    <fill>
      <patternFill patternType="solid">
        <fgColor rgb="FFCCFFCC"/>
        <bgColor indexed="64"/>
      </patternFill>
    </fill>
    <fill>
      <patternFill patternType="solid">
        <fgColor theme="9" tint="0.59999389629810485"/>
        <bgColor indexed="64"/>
      </patternFill>
    </fill>
  </fills>
  <borders count="71">
    <border>
      <left/>
      <right/>
      <top/>
      <bottom/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/>
      <top style="medium">
        <color indexed="64"/>
      </top>
      <bottom/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/>
      <top style="medium">
        <color indexed="64"/>
      </top>
      <bottom/>
      <diagonal/>
    </border>
    <border>
      <left/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/>
      <top/>
      <bottom/>
      <diagonal/>
    </border>
    <border>
      <left style="medium">
        <color indexed="64"/>
      </left>
      <right/>
      <top/>
      <bottom/>
      <diagonal/>
    </border>
    <border>
      <left/>
      <right style="medium">
        <color indexed="64"/>
      </right>
      <top/>
      <bottom/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/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/>
      <top/>
      <bottom style="medium">
        <color indexed="64"/>
      </bottom>
      <diagonal/>
    </border>
    <border>
      <left/>
      <right/>
      <top/>
      <bottom style="medium">
        <color indexed="64"/>
      </bottom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 style="medium">
        <color indexed="64"/>
      </right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medium">
        <color indexed="64"/>
      </right>
      <top/>
      <bottom style="thin">
        <color indexed="64"/>
      </bottom>
      <diagonal/>
    </border>
    <border>
      <left style="medium">
        <color indexed="64"/>
      </left>
      <right style="medium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/>
      <top/>
      <bottom style="medium">
        <color indexed="64"/>
      </bottom>
      <diagonal/>
    </border>
    <border>
      <left style="medium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/>
      <right style="thin">
        <color indexed="64"/>
      </right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 style="medium">
        <color indexed="64"/>
      </right>
      <top/>
      <bottom style="medium">
        <color indexed="64"/>
      </bottom>
      <diagonal/>
    </border>
    <border>
      <left style="thin">
        <color indexed="64"/>
      </left>
      <right/>
      <top style="thin">
        <color indexed="64"/>
      </top>
      <bottom style="medium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medium">
        <color indexed="64"/>
      </left>
      <right/>
      <top/>
      <bottom style="thin">
        <color indexed="64"/>
      </bottom>
      <diagonal/>
    </border>
    <border>
      <left style="medium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 style="thin">
        <color indexed="64"/>
      </left>
      <right style="medium">
        <color indexed="64"/>
      </right>
      <top style="thin">
        <color indexed="64"/>
      </top>
      <bottom/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/>
      <top style="medium">
        <color indexed="64"/>
      </top>
      <bottom style="medium">
        <color indexed="64"/>
      </bottom>
      <diagonal/>
    </border>
    <border>
      <left style="medium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/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/>
      <right style="thin">
        <color indexed="64"/>
      </right>
      <top style="medium">
        <color indexed="64"/>
      </top>
      <bottom/>
      <diagonal/>
    </border>
    <border>
      <left/>
      <right style="thin">
        <color indexed="64"/>
      </right>
      <top/>
      <bottom/>
      <diagonal/>
    </border>
    <border>
      <left style="medium">
        <color indexed="64"/>
      </left>
      <right style="medium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medium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/>
      <right style="thin">
        <color indexed="64"/>
      </right>
      <top style="medium">
        <color indexed="64"/>
      </top>
      <bottom style="thin">
        <color indexed="64"/>
      </bottom>
      <diagonal/>
    </border>
    <border>
      <left/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 style="medium">
        <color indexed="64"/>
      </right>
      <top/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/>
      <diagonal/>
    </border>
    <border>
      <left style="medium">
        <color indexed="64"/>
      </left>
      <right style="thin">
        <color indexed="64"/>
      </right>
      <top/>
      <bottom/>
      <diagonal/>
    </border>
    <border>
      <left style="medium">
        <color indexed="64"/>
      </left>
      <right style="thin">
        <color indexed="64"/>
      </right>
      <top/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/>
      <diagonal/>
    </border>
    <border>
      <left style="medium">
        <color indexed="64"/>
      </left>
      <right/>
      <top style="medium">
        <color indexed="64"/>
      </top>
      <bottom style="thin">
        <color indexed="64"/>
      </bottom>
      <diagonal/>
    </border>
    <border>
      <left style="medium">
        <color indexed="64"/>
      </left>
      <right/>
      <top style="thin">
        <color indexed="64"/>
      </top>
      <bottom style="thin">
        <color indexed="64"/>
      </bottom>
      <diagonal/>
    </border>
    <border>
      <left style="medium">
        <color indexed="64"/>
      </left>
      <right/>
      <top style="thin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/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 style="thin">
        <color indexed="64"/>
      </bottom>
      <diagonal/>
    </border>
  </borders>
  <cellStyleXfs count="4">
    <xf numFmtId="0" fontId="0" fillId="0" borderId="0"/>
    <xf numFmtId="0" fontId="10" fillId="0" borderId="0"/>
    <xf numFmtId="0" fontId="10" fillId="0" borderId="0"/>
    <xf numFmtId="0" fontId="10" fillId="0" borderId="0"/>
  </cellStyleXfs>
  <cellXfs count="186">
    <xf numFmtId="0" fontId="0" fillId="0" borderId="0" xfId="0"/>
    <xf numFmtId="2" fontId="2" fillId="0" borderId="0" xfId="0" applyNumberFormat="1" applyFont="1" applyAlignment="1">
      <alignment vertical="center"/>
    </xf>
    <xf numFmtId="0" fontId="2" fillId="0" borderId="0" xfId="0" applyFont="1" applyAlignment="1">
      <alignment vertical="center"/>
    </xf>
    <xf numFmtId="2" fontId="3" fillId="4" borderId="34" xfId="0" applyNumberFormat="1" applyFont="1" applyFill="1" applyBorder="1" applyAlignment="1">
      <alignment horizontal="center" vertical="center" wrapText="1"/>
    </xf>
    <xf numFmtId="2" fontId="3" fillId="2" borderId="22" xfId="0" applyNumberFormat="1" applyFont="1" applyFill="1" applyBorder="1" applyAlignment="1">
      <alignment horizontal="center" vertical="center" wrapText="1"/>
    </xf>
    <xf numFmtId="0" fontId="2" fillId="5" borderId="38" xfId="0" applyFont="1" applyFill="1" applyBorder="1" applyAlignment="1">
      <alignment vertical="center" wrapText="1"/>
    </xf>
    <xf numFmtId="2" fontId="11" fillId="6" borderId="39" xfId="1" applyNumberFormat="1" applyFont="1" applyFill="1" applyBorder="1" applyAlignment="1" applyProtection="1">
      <alignment horizontal="right" vertical="center" wrapText="1"/>
    </xf>
    <xf numFmtId="2" fontId="12" fillId="4" borderId="18" xfId="1" applyNumberFormat="1" applyFont="1" applyFill="1" applyBorder="1" applyAlignment="1" applyProtection="1">
      <alignment horizontal="right" vertical="center" wrapText="1"/>
    </xf>
    <xf numFmtId="2" fontId="12" fillId="7" borderId="19" xfId="1" applyNumberFormat="1" applyFont="1" applyFill="1" applyBorder="1" applyAlignment="1" applyProtection="1">
      <alignment horizontal="right" vertical="center" wrapText="1"/>
    </xf>
    <xf numFmtId="2" fontId="3" fillId="6" borderId="27" xfId="1" applyNumberFormat="1" applyFont="1" applyFill="1" applyBorder="1" applyAlignment="1" applyProtection="1">
      <alignment horizontal="right" vertical="center" wrapText="1"/>
    </xf>
    <xf numFmtId="2" fontId="9" fillId="5" borderId="29" xfId="2" applyNumberFormat="1" applyFont="1" applyFill="1" applyBorder="1" applyAlignment="1" applyProtection="1">
      <alignment horizontal="right" vertical="center"/>
      <protection locked="0"/>
    </xf>
    <xf numFmtId="2" fontId="9" fillId="5" borderId="28" xfId="2" applyNumberFormat="1" applyFont="1" applyFill="1" applyBorder="1" applyAlignment="1" applyProtection="1">
      <alignment horizontal="right" vertical="center"/>
      <protection locked="0"/>
    </xf>
    <xf numFmtId="0" fontId="2" fillId="5" borderId="0" xfId="0" applyFont="1" applyFill="1" applyAlignment="1">
      <alignment vertical="center"/>
    </xf>
    <xf numFmtId="0" fontId="2" fillId="5" borderId="41" xfId="0" applyFont="1" applyFill="1" applyBorder="1" applyAlignment="1">
      <alignment vertical="center" wrapText="1"/>
    </xf>
    <xf numFmtId="2" fontId="11" fillId="6" borderId="27" xfId="1" applyNumberFormat="1" applyFont="1" applyFill="1" applyBorder="1" applyAlignment="1" applyProtection="1">
      <alignment horizontal="right" vertical="center" wrapText="1"/>
    </xf>
    <xf numFmtId="0" fontId="2" fillId="5" borderId="43" xfId="0" applyFont="1" applyFill="1" applyBorder="1" applyAlignment="1">
      <alignment vertical="center" wrapText="1"/>
    </xf>
    <xf numFmtId="2" fontId="13" fillId="5" borderId="28" xfId="3" applyNumberFormat="1" applyFont="1" applyFill="1" applyBorder="1" applyAlignment="1" applyProtection="1">
      <alignment vertical="center" wrapText="1"/>
      <protection locked="0"/>
    </xf>
    <xf numFmtId="2" fontId="13" fillId="5" borderId="29" xfId="3" applyNumberFormat="1" applyFont="1" applyFill="1" applyBorder="1" applyAlignment="1" applyProtection="1">
      <alignment vertical="center" wrapText="1"/>
      <protection locked="0"/>
    </xf>
    <xf numFmtId="2" fontId="11" fillId="6" borderId="40" xfId="1" applyNumberFormat="1" applyFont="1" applyFill="1" applyBorder="1" applyAlignment="1" applyProtection="1">
      <alignment horizontal="right" vertical="center" wrapText="1"/>
    </xf>
    <xf numFmtId="2" fontId="11" fillId="6" borderId="53" xfId="1" applyNumberFormat="1" applyFont="1" applyFill="1" applyBorder="1" applyAlignment="1" applyProtection="1">
      <alignment horizontal="right" vertical="center" wrapText="1"/>
    </xf>
    <xf numFmtId="2" fontId="12" fillId="4" borderId="54" xfId="1" applyNumberFormat="1" applyFont="1" applyFill="1" applyBorder="1" applyAlignment="1" applyProtection="1">
      <alignment horizontal="right" vertical="center" wrapText="1"/>
    </xf>
    <xf numFmtId="2" fontId="12" fillId="7" borderId="44" xfId="1" applyNumberFormat="1" applyFont="1" applyFill="1" applyBorder="1" applyAlignment="1" applyProtection="1">
      <alignment horizontal="right" vertical="center" wrapText="1"/>
    </xf>
    <xf numFmtId="2" fontId="3" fillId="6" borderId="30" xfId="1" applyNumberFormat="1" applyFont="1" applyFill="1" applyBorder="1" applyAlignment="1" applyProtection="1">
      <alignment horizontal="right" vertical="center" wrapText="1"/>
    </xf>
    <xf numFmtId="2" fontId="13" fillId="5" borderId="52" xfId="3" applyNumberFormat="1" applyFont="1" applyFill="1" applyBorder="1" applyAlignment="1" applyProtection="1">
      <alignment vertical="center" wrapText="1"/>
      <protection locked="0"/>
    </xf>
    <xf numFmtId="2" fontId="13" fillId="5" borderId="55" xfId="3" applyNumberFormat="1" applyFont="1" applyFill="1" applyBorder="1" applyAlignment="1" applyProtection="1">
      <alignment vertical="center" wrapText="1"/>
      <protection locked="0"/>
    </xf>
    <xf numFmtId="2" fontId="11" fillId="8" borderId="48" xfId="1" applyNumberFormat="1" applyFont="1" applyFill="1" applyBorder="1" applyAlignment="1" applyProtection="1">
      <alignment horizontal="center" vertical="center" wrapText="1"/>
    </xf>
    <xf numFmtId="2" fontId="14" fillId="8" borderId="46" xfId="1" applyNumberFormat="1" applyFont="1" applyFill="1" applyBorder="1" applyAlignment="1" applyProtection="1">
      <alignment horizontal="right" vertical="center" wrapText="1"/>
    </xf>
    <xf numFmtId="2" fontId="3" fillId="8" borderId="48" xfId="1" applyNumberFormat="1" applyFont="1" applyFill="1" applyBorder="1" applyAlignment="1" applyProtection="1">
      <alignment horizontal="right" vertical="center" wrapText="1"/>
    </xf>
    <xf numFmtId="2" fontId="8" fillId="8" borderId="49" xfId="1" applyNumberFormat="1" applyFont="1" applyFill="1" applyBorder="1" applyAlignment="1" applyProtection="1">
      <alignment horizontal="center" vertical="center" wrapText="1"/>
    </xf>
    <xf numFmtId="2" fontId="8" fillId="8" borderId="25" xfId="1" applyNumberFormat="1" applyFont="1" applyFill="1" applyBorder="1" applyAlignment="1" applyProtection="1">
      <alignment horizontal="center" vertical="center" wrapText="1"/>
    </xf>
    <xf numFmtId="2" fontId="12" fillId="4" borderId="56" xfId="1" applyNumberFormat="1" applyFont="1" applyFill="1" applyBorder="1" applyAlignment="1" applyProtection="1">
      <alignment horizontal="right" vertical="center" wrapText="1"/>
    </xf>
    <xf numFmtId="2" fontId="12" fillId="7" borderId="29" xfId="1" applyNumberFormat="1" applyFont="1" applyFill="1" applyBorder="1" applyAlignment="1" applyProtection="1">
      <alignment horizontal="right" vertical="center" wrapText="1"/>
    </xf>
    <xf numFmtId="0" fontId="2" fillId="5" borderId="18" xfId="0" applyFont="1" applyFill="1" applyBorder="1" applyAlignment="1">
      <alignment horizontal="center" vertical="center" wrapText="1"/>
    </xf>
    <xf numFmtId="0" fontId="2" fillId="5" borderId="18" xfId="0" applyFont="1" applyFill="1" applyBorder="1" applyAlignment="1">
      <alignment vertical="center" wrapText="1"/>
    </xf>
    <xf numFmtId="0" fontId="2" fillId="5" borderId="41" xfId="0" applyFont="1" applyFill="1" applyBorder="1" applyAlignment="1">
      <alignment vertical="center"/>
    </xf>
    <xf numFmtId="2" fontId="13" fillId="5" borderId="42" xfId="3" applyNumberFormat="1" applyFont="1" applyFill="1" applyBorder="1" applyAlignment="1" applyProtection="1">
      <alignment vertical="center" wrapText="1"/>
      <protection locked="0"/>
    </xf>
    <xf numFmtId="2" fontId="13" fillId="5" borderId="19" xfId="3" applyNumberFormat="1" applyFont="1" applyFill="1" applyBorder="1" applyAlignment="1" applyProtection="1">
      <alignment vertical="center" wrapText="1"/>
      <protection locked="0"/>
    </xf>
    <xf numFmtId="0" fontId="2" fillId="5" borderId="57" xfId="0" applyFont="1" applyFill="1" applyBorder="1" applyAlignment="1">
      <alignment vertical="center" wrapText="1"/>
    </xf>
    <xf numFmtId="2" fontId="11" fillId="6" borderId="58" xfId="1" applyNumberFormat="1" applyFont="1" applyFill="1" applyBorder="1" applyAlignment="1" applyProtection="1">
      <alignment horizontal="right" vertical="center" wrapText="1"/>
    </xf>
    <xf numFmtId="2" fontId="13" fillId="5" borderId="59" xfId="3" applyNumberFormat="1" applyFont="1" applyFill="1" applyBorder="1" applyAlignment="1" applyProtection="1">
      <alignment vertical="center" wrapText="1"/>
      <protection locked="0"/>
    </xf>
    <xf numFmtId="2" fontId="13" fillId="5" borderId="13" xfId="3" applyNumberFormat="1" applyFont="1" applyFill="1" applyBorder="1" applyAlignment="1" applyProtection="1">
      <alignment vertical="center" wrapText="1"/>
      <protection locked="0"/>
    </xf>
    <xf numFmtId="2" fontId="13" fillId="5" borderId="57" xfId="3" applyNumberFormat="1" applyFont="1" applyFill="1" applyBorder="1" applyAlignment="1" applyProtection="1">
      <alignment vertical="center" wrapText="1"/>
      <protection locked="0"/>
    </xf>
    <xf numFmtId="2" fontId="13" fillId="5" borderId="38" xfId="3" applyNumberFormat="1" applyFont="1" applyFill="1" applyBorder="1" applyAlignment="1" applyProtection="1">
      <alignment vertical="center" wrapText="1"/>
      <protection locked="0"/>
    </xf>
    <xf numFmtId="0" fontId="2" fillId="5" borderId="37" xfId="0" applyFont="1" applyFill="1" applyBorder="1" applyAlignment="1">
      <alignment vertical="center" wrapText="1"/>
    </xf>
    <xf numFmtId="2" fontId="11" fillId="6" borderId="33" xfId="1" applyNumberFormat="1" applyFont="1" applyFill="1" applyBorder="1" applyAlignment="1" applyProtection="1">
      <alignment horizontal="right" vertical="center" wrapText="1"/>
    </xf>
    <xf numFmtId="2" fontId="13" fillId="5" borderId="60" xfId="3" applyNumberFormat="1" applyFont="1" applyFill="1" applyBorder="1" applyAlignment="1" applyProtection="1">
      <alignment vertical="center" wrapText="1"/>
      <protection locked="0"/>
    </xf>
    <xf numFmtId="2" fontId="13" fillId="5" borderId="61" xfId="3" applyNumberFormat="1" applyFont="1" applyFill="1" applyBorder="1" applyAlignment="1" applyProtection="1">
      <alignment vertical="center" wrapText="1"/>
      <protection locked="0"/>
    </xf>
    <xf numFmtId="2" fontId="13" fillId="5" borderId="32" xfId="3" applyNumberFormat="1" applyFont="1" applyFill="1" applyBorder="1" applyAlignment="1" applyProtection="1">
      <alignment vertical="center" wrapText="1"/>
      <protection locked="0"/>
    </xf>
    <xf numFmtId="2" fontId="13" fillId="5" borderId="22" xfId="3" applyNumberFormat="1" applyFont="1" applyFill="1" applyBorder="1" applyAlignment="1" applyProtection="1">
      <alignment vertical="center" wrapText="1"/>
      <protection locked="0"/>
    </xf>
    <xf numFmtId="2" fontId="13" fillId="5" borderId="35" xfId="3" applyNumberFormat="1" applyFont="1" applyFill="1" applyBorder="1" applyAlignment="1" applyProtection="1">
      <alignment vertical="center" wrapText="1"/>
      <protection locked="0"/>
    </xf>
    <xf numFmtId="2" fontId="16" fillId="8" borderId="48" xfId="1" applyNumberFormat="1" applyFont="1" applyFill="1" applyBorder="1" applyAlignment="1" applyProtection="1">
      <alignment horizontal="center" vertical="center" wrapText="1"/>
    </xf>
    <xf numFmtId="2" fontId="15" fillId="8" borderId="49" xfId="1" applyNumberFormat="1" applyFont="1" applyFill="1" applyBorder="1" applyAlignment="1" applyProtection="1">
      <alignment horizontal="center" vertical="center" wrapText="1"/>
    </xf>
    <xf numFmtId="2" fontId="15" fillId="8" borderId="24" xfId="1" applyNumberFormat="1" applyFont="1" applyFill="1" applyBorder="1" applyAlignment="1" applyProtection="1">
      <alignment horizontal="center" vertical="center" wrapText="1"/>
    </xf>
    <xf numFmtId="2" fontId="15" fillId="8" borderId="25" xfId="1" applyNumberFormat="1" applyFont="1" applyFill="1" applyBorder="1" applyAlignment="1" applyProtection="1">
      <alignment horizontal="center" vertical="center" wrapText="1"/>
    </xf>
    <xf numFmtId="0" fontId="3" fillId="5" borderId="0" xfId="0" applyFont="1" applyFill="1" applyAlignment="1">
      <alignment vertical="center"/>
    </xf>
    <xf numFmtId="0" fontId="2" fillId="5" borderId="66" xfId="0" applyFont="1" applyFill="1" applyBorder="1" applyAlignment="1">
      <alignment vertical="center" wrapText="1"/>
    </xf>
    <xf numFmtId="0" fontId="2" fillId="5" borderId="67" xfId="0" applyFont="1" applyFill="1" applyBorder="1" applyAlignment="1">
      <alignment vertical="center" wrapText="1"/>
    </xf>
    <xf numFmtId="0" fontId="2" fillId="5" borderId="68" xfId="0" applyFont="1" applyFill="1" applyBorder="1" applyAlignment="1">
      <alignment vertical="center" wrapText="1"/>
    </xf>
    <xf numFmtId="2" fontId="13" fillId="5" borderId="9" xfId="3" applyNumberFormat="1" applyFont="1" applyFill="1" applyBorder="1" applyAlignment="1" applyProtection="1">
      <alignment vertical="center" wrapText="1"/>
      <protection locked="0"/>
    </xf>
    <xf numFmtId="2" fontId="15" fillId="8" borderId="48" xfId="1" applyNumberFormat="1" applyFont="1" applyFill="1" applyBorder="1" applyAlignment="1" applyProtection="1">
      <alignment horizontal="right" vertical="center" wrapText="1"/>
    </xf>
    <xf numFmtId="2" fontId="3" fillId="8" borderId="49" xfId="1" applyNumberFormat="1" applyFont="1" applyFill="1" applyBorder="1" applyAlignment="1" applyProtection="1">
      <alignment horizontal="center" vertical="center" wrapText="1"/>
    </xf>
    <xf numFmtId="2" fontId="3" fillId="8" borderId="47" xfId="1" applyNumberFormat="1" applyFont="1" applyFill="1" applyBorder="1" applyAlignment="1" applyProtection="1">
      <alignment horizontal="center" vertical="center" wrapText="1"/>
    </xf>
    <xf numFmtId="2" fontId="3" fillId="8" borderId="50" xfId="1" applyNumberFormat="1" applyFont="1" applyFill="1" applyBorder="1" applyAlignment="1" applyProtection="1">
      <alignment horizontal="center" vertical="center" wrapText="1"/>
    </xf>
    <xf numFmtId="2" fontId="8" fillId="8" borderId="50" xfId="1" applyNumberFormat="1" applyFont="1" applyFill="1" applyBorder="1" applyAlignment="1" applyProtection="1">
      <alignment horizontal="center" vertical="center" wrapText="1"/>
    </xf>
    <xf numFmtId="0" fontId="2" fillId="5" borderId="13" xfId="0" applyFont="1" applyFill="1" applyBorder="1" applyAlignment="1">
      <alignment vertical="center" wrapText="1"/>
    </xf>
    <xf numFmtId="2" fontId="11" fillId="6" borderId="14" xfId="1" applyNumberFormat="1" applyFont="1" applyFill="1" applyBorder="1" applyAlignment="1" applyProtection="1">
      <alignment horizontal="right" vertical="center" wrapText="1"/>
    </xf>
    <xf numFmtId="0" fontId="2" fillId="5" borderId="19" xfId="0" applyFont="1" applyFill="1" applyBorder="1" applyAlignment="1">
      <alignment vertical="center" wrapText="1"/>
    </xf>
    <xf numFmtId="2" fontId="11" fillId="6" borderId="70" xfId="1" applyNumberFormat="1" applyFont="1" applyFill="1" applyBorder="1" applyAlignment="1" applyProtection="1">
      <alignment horizontal="right" vertical="center" wrapText="1"/>
    </xf>
    <xf numFmtId="0" fontId="2" fillId="5" borderId="22" xfId="0" applyFont="1" applyFill="1" applyBorder="1" applyAlignment="1">
      <alignment vertical="center"/>
    </xf>
    <xf numFmtId="2" fontId="11" fillId="6" borderId="26" xfId="1" applyNumberFormat="1" applyFont="1" applyFill="1" applyBorder="1" applyAlignment="1" applyProtection="1">
      <alignment horizontal="right" vertical="center" wrapText="1"/>
    </xf>
    <xf numFmtId="2" fontId="13" fillId="5" borderId="34" xfId="3" applyNumberFormat="1" applyFont="1" applyFill="1" applyBorder="1" applyAlignment="1" applyProtection="1">
      <alignment vertical="center" wrapText="1"/>
      <protection locked="0"/>
    </xf>
    <xf numFmtId="2" fontId="13" fillId="5" borderId="44" xfId="3" applyNumberFormat="1" applyFont="1" applyFill="1" applyBorder="1" applyAlignment="1" applyProtection="1">
      <alignment vertical="center" wrapText="1"/>
      <protection locked="0"/>
    </xf>
    <xf numFmtId="2" fontId="6" fillId="8" borderId="48" xfId="1" applyNumberFormat="1" applyFont="1" applyFill="1" applyBorder="1" applyAlignment="1" applyProtection="1">
      <alignment horizontal="center" vertical="center" wrapText="1"/>
    </xf>
    <xf numFmtId="2" fontId="6" fillId="8" borderId="49" xfId="1" applyNumberFormat="1" applyFont="1" applyFill="1" applyBorder="1" applyAlignment="1" applyProtection="1">
      <alignment horizontal="center" vertical="center" wrapText="1"/>
    </xf>
    <xf numFmtId="2" fontId="6" fillId="8" borderId="50" xfId="1" applyNumberFormat="1" applyFont="1" applyFill="1" applyBorder="1" applyAlignment="1" applyProtection="1">
      <alignment horizontal="center" vertical="center" wrapText="1"/>
    </xf>
    <xf numFmtId="2" fontId="6" fillId="8" borderId="47" xfId="1" applyNumberFormat="1" applyFont="1" applyFill="1" applyBorder="1" applyAlignment="1" applyProtection="1">
      <alignment horizontal="center" vertical="center" wrapText="1"/>
    </xf>
    <xf numFmtId="0" fontId="7" fillId="5" borderId="0" xfId="0" applyFont="1" applyFill="1" applyAlignment="1">
      <alignment vertical="center"/>
    </xf>
    <xf numFmtId="2" fontId="13" fillId="5" borderId="69" xfId="3" applyNumberFormat="1" applyFont="1" applyFill="1" applyBorder="1" applyAlignment="1" applyProtection="1">
      <alignment vertical="center" wrapText="1"/>
      <protection locked="0"/>
    </xf>
    <xf numFmtId="2" fontId="13" fillId="5" borderId="7" xfId="3" applyNumberFormat="1" applyFont="1" applyFill="1" applyBorder="1" applyAlignment="1" applyProtection="1">
      <alignment vertical="center" wrapText="1"/>
      <protection locked="0"/>
    </xf>
    <xf numFmtId="2" fontId="13" fillId="5" borderId="20" xfId="3" applyNumberFormat="1" applyFont="1" applyFill="1" applyBorder="1" applyAlignment="1" applyProtection="1">
      <alignment vertical="center" wrapText="1"/>
      <protection locked="0"/>
    </xf>
    <xf numFmtId="2" fontId="13" fillId="5" borderId="1" xfId="3" applyNumberFormat="1" applyFont="1" applyFill="1" applyBorder="1" applyAlignment="1" applyProtection="1">
      <alignment vertical="center" wrapText="1"/>
      <protection locked="0"/>
    </xf>
    <xf numFmtId="2" fontId="13" fillId="5" borderId="65" xfId="3" applyNumberFormat="1" applyFont="1" applyFill="1" applyBorder="1" applyAlignment="1" applyProtection="1">
      <alignment vertical="center" wrapText="1"/>
      <protection locked="0"/>
    </xf>
    <xf numFmtId="2" fontId="8" fillId="8" borderId="24" xfId="1" applyNumberFormat="1" applyFont="1" applyFill="1" applyBorder="1" applyAlignment="1" applyProtection="1">
      <alignment horizontal="center" vertical="center" wrapText="1"/>
    </xf>
    <xf numFmtId="2" fontId="2" fillId="5" borderId="0" xfId="0" applyNumberFormat="1" applyFont="1" applyFill="1" applyAlignment="1">
      <alignment vertical="center"/>
    </xf>
    <xf numFmtId="2" fontId="3" fillId="6" borderId="36" xfId="1" applyNumberFormat="1" applyFont="1" applyFill="1" applyBorder="1" applyAlignment="1" applyProtection="1">
      <alignment horizontal="right" vertical="center" wrapText="1"/>
    </xf>
    <xf numFmtId="0" fontId="1" fillId="0" borderId="0" xfId="0" applyFont="1" applyAlignment="1">
      <alignment vertical="center"/>
    </xf>
    <xf numFmtId="2" fontId="19" fillId="2" borderId="21" xfId="0" applyNumberFormat="1" applyFont="1" applyFill="1" applyBorder="1" applyAlignment="1">
      <alignment horizontal="center" vertical="center" wrapText="1"/>
    </xf>
    <xf numFmtId="2" fontId="19" fillId="2" borderId="22" xfId="0" applyNumberFormat="1" applyFont="1" applyFill="1" applyBorder="1" applyAlignment="1">
      <alignment horizontal="center" vertical="center" wrapText="1"/>
    </xf>
    <xf numFmtId="0" fontId="2" fillId="5" borderId="12" xfId="0" applyFont="1" applyFill="1" applyBorder="1" applyAlignment="1">
      <alignment horizontal="center" vertical="center" wrapText="1"/>
    </xf>
    <xf numFmtId="0" fontId="2" fillId="5" borderId="12" xfId="0" applyFont="1" applyFill="1" applyBorder="1" applyAlignment="1">
      <alignment vertical="center" wrapText="1"/>
    </xf>
    <xf numFmtId="0" fontId="2" fillId="5" borderId="57" xfId="0" applyFont="1" applyFill="1" applyBorder="1" applyAlignment="1">
      <alignment vertical="center"/>
    </xf>
    <xf numFmtId="2" fontId="12" fillId="4" borderId="12" xfId="1" applyNumberFormat="1" applyFont="1" applyFill="1" applyBorder="1" applyAlignment="1" applyProtection="1">
      <alignment horizontal="right" vertical="center" wrapText="1"/>
    </xf>
    <xf numFmtId="2" fontId="12" fillId="7" borderId="13" xfId="1" applyNumberFormat="1" applyFont="1" applyFill="1" applyBorder="1" applyAlignment="1" applyProtection="1">
      <alignment horizontal="right" vertical="center" wrapText="1"/>
    </xf>
    <xf numFmtId="2" fontId="3" fillId="6" borderId="58" xfId="1" applyNumberFormat="1" applyFont="1" applyFill="1" applyBorder="1" applyAlignment="1" applyProtection="1">
      <alignment horizontal="right" vertical="center" wrapText="1"/>
    </xf>
    <xf numFmtId="0" fontId="2" fillId="5" borderId="21" xfId="0" applyFont="1" applyFill="1" applyBorder="1" applyAlignment="1">
      <alignment horizontal="center" vertical="center" wrapText="1"/>
    </xf>
    <xf numFmtId="0" fontId="2" fillId="5" borderId="21" xfId="0" applyFont="1" applyFill="1" applyBorder="1" applyAlignment="1">
      <alignment vertical="center" wrapText="1"/>
    </xf>
    <xf numFmtId="0" fontId="2" fillId="5" borderId="37" xfId="0" applyFont="1" applyFill="1" applyBorder="1" applyAlignment="1">
      <alignment vertical="center"/>
    </xf>
    <xf numFmtId="2" fontId="12" fillId="4" borderId="21" xfId="1" applyNumberFormat="1" applyFont="1" applyFill="1" applyBorder="1" applyAlignment="1" applyProtection="1">
      <alignment horizontal="right" vertical="center" wrapText="1"/>
    </xf>
    <xf numFmtId="2" fontId="12" fillId="7" borderId="22" xfId="1" applyNumberFormat="1" applyFont="1" applyFill="1" applyBorder="1" applyAlignment="1" applyProtection="1">
      <alignment horizontal="right" vertical="center" wrapText="1"/>
    </xf>
    <xf numFmtId="2" fontId="3" fillId="6" borderId="48" xfId="1" applyNumberFormat="1" applyFont="1" applyFill="1" applyBorder="1" applyAlignment="1" applyProtection="1">
      <alignment horizontal="right" vertical="center" wrapText="1"/>
    </xf>
    <xf numFmtId="2" fontId="3" fillId="6" borderId="40" xfId="1" applyNumberFormat="1" applyFont="1" applyFill="1" applyBorder="1" applyAlignment="1" applyProtection="1">
      <alignment horizontal="right" vertical="center" wrapText="1"/>
    </xf>
    <xf numFmtId="2" fontId="3" fillId="6" borderId="33" xfId="1" applyNumberFormat="1" applyFont="1" applyFill="1" applyBorder="1" applyAlignment="1" applyProtection="1">
      <alignment horizontal="right" vertical="center" wrapText="1"/>
    </xf>
    <xf numFmtId="2" fontId="15" fillId="8" borderId="50" xfId="1" applyNumberFormat="1" applyFont="1" applyFill="1" applyBorder="1" applyAlignment="1" applyProtection="1">
      <alignment horizontal="center" vertical="center" wrapText="1"/>
    </xf>
    <xf numFmtId="2" fontId="6" fillId="9" borderId="48" xfId="1" applyNumberFormat="1" applyFont="1" applyFill="1" applyBorder="1" applyAlignment="1" applyProtection="1">
      <alignment horizontal="center" vertical="center" wrapText="1"/>
    </xf>
    <xf numFmtId="2" fontId="14" fillId="9" borderId="46" xfId="1" applyNumberFormat="1" applyFont="1" applyFill="1" applyBorder="1" applyAlignment="1" applyProtection="1">
      <alignment horizontal="right" vertical="center" wrapText="1"/>
    </xf>
    <xf numFmtId="2" fontId="6" fillId="9" borderId="49" xfId="0" applyNumberFormat="1" applyFont="1" applyFill="1" applyBorder="1" applyAlignment="1">
      <alignment horizontal="center" vertical="center"/>
    </xf>
    <xf numFmtId="2" fontId="6" fillId="9" borderId="24" xfId="0" applyNumberFormat="1" applyFont="1" applyFill="1" applyBorder="1" applyAlignment="1">
      <alignment horizontal="center" vertical="center"/>
    </xf>
    <xf numFmtId="2" fontId="6" fillId="9" borderId="25" xfId="0" applyNumberFormat="1" applyFont="1" applyFill="1" applyBorder="1" applyAlignment="1">
      <alignment horizontal="center" vertical="center"/>
    </xf>
    <xf numFmtId="2" fontId="19" fillId="2" borderId="42" xfId="0" applyNumberFormat="1" applyFont="1" applyFill="1" applyBorder="1" applyAlignment="1">
      <alignment horizontal="center" vertical="center" wrapText="1"/>
    </xf>
    <xf numFmtId="2" fontId="19" fillId="2" borderId="19" xfId="0" applyNumberFormat="1" applyFont="1" applyFill="1" applyBorder="1" applyAlignment="1">
      <alignment horizontal="center" vertical="center" wrapText="1"/>
    </xf>
    <xf numFmtId="2" fontId="19" fillId="2" borderId="1" xfId="0" applyNumberFormat="1" applyFont="1" applyFill="1" applyBorder="1" applyAlignment="1">
      <alignment horizontal="center" vertical="center" wrapText="1"/>
    </xf>
    <xf numFmtId="2" fontId="19" fillId="2" borderId="12" xfId="0" applyNumberFormat="1" applyFont="1" applyFill="1" applyBorder="1" applyAlignment="1">
      <alignment horizontal="center" vertical="center" wrapText="1"/>
    </xf>
    <xf numFmtId="2" fontId="19" fillId="2" borderId="13" xfId="0" applyNumberFormat="1" applyFont="1" applyFill="1" applyBorder="1" applyAlignment="1">
      <alignment horizontal="center" vertical="center" wrapText="1"/>
    </xf>
    <xf numFmtId="2" fontId="19" fillId="2" borderId="65" xfId="0" applyNumberFormat="1" applyFont="1" applyFill="1" applyBorder="1" applyAlignment="1">
      <alignment horizontal="center" vertical="center" wrapText="1"/>
    </xf>
    <xf numFmtId="2" fontId="19" fillId="2" borderId="54" xfId="0" applyNumberFormat="1" applyFont="1" applyFill="1" applyBorder="1" applyAlignment="1">
      <alignment horizontal="center" vertical="center" wrapText="1"/>
    </xf>
    <xf numFmtId="2" fontId="19" fillId="2" borderId="44" xfId="0" applyNumberFormat="1" applyFont="1" applyFill="1" applyBorder="1" applyAlignment="1">
      <alignment horizontal="center" vertical="center" wrapText="1"/>
    </xf>
    <xf numFmtId="0" fontId="3" fillId="2" borderId="1" xfId="0" applyFont="1" applyFill="1" applyBorder="1" applyAlignment="1">
      <alignment horizontal="center" vertical="center" wrapText="1"/>
    </xf>
    <xf numFmtId="0" fontId="3" fillId="2" borderId="7" xfId="0" applyFont="1" applyFill="1" applyBorder="1" applyAlignment="1">
      <alignment horizontal="center" vertical="center"/>
    </xf>
    <xf numFmtId="0" fontId="3" fillId="2" borderId="20" xfId="0" applyFont="1" applyFill="1" applyBorder="1" applyAlignment="1">
      <alignment horizontal="center" vertical="center"/>
    </xf>
    <xf numFmtId="0" fontId="3" fillId="2" borderId="2" xfId="0" applyFont="1" applyFill="1" applyBorder="1" applyAlignment="1">
      <alignment horizontal="center" vertical="center" wrapText="1"/>
    </xf>
    <xf numFmtId="0" fontId="3" fillId="2" borderId="8" xfId="0" applyFont="1" applyFill="1" applyBorder="1" applyAlignment="1">
      <alignment horizontal="center" vertical="center" wrapText="1"/>
    </xf>
    <xf numFmtId="0" fontId="3" fillId="2" borderId="31" xfId="0" applyFont="1" applyFill="1" applyBorder="1" applyAlignment="1">
      <alignment horizontal="center" vertical="center" wrapText="1"/>
    </xf>
    <xf numFmtId="0" fontId="3" fillId="2" borderId="3" xfId="0" applyFont="1" applyFill="1" applyBorder="1" applyAlignment="1">
      <alignment horizontal="center" vertical="center" wrapText="1"/>
    </xf>
    <xf numFmtId="0" fontId="3" fillId="2" borderId="9" xfId="0" applyFont="1" applyFill="1" applyBorder="1" applyAlignment="1">
      <alignment horizontal="center" vertical="center" wrapText="1"/>
    </xf>
    <xf numFmtId="0" fontId="3" fillId="2" borderId="32" xfId="0" applyFont="1" applyFill="1" applyBorder="1" applyAlignment="1">
      <alignment horizontal="center" vertical="center" wrapText="1"/>
    </xf>
    <xf numFmtId="2" fontId="4" fillId="2" borderId="4" xfId="0" applyNumberFormat="1" applyFont="1" applyFill="1" applyBorder="1" applyAlignment="1">
      <alignment horizontal="center" vertical="center" wrapText="1"/>
    </xf>
    <xf numFmtId="2" fontId="5" fillId="2" borderId="5" xfId="0" applyNumberFormat="1" applyFont="1" applyFill="1" applyBorder="1" applyAlignment="1">
      <alignment horizontal="center" vertical="center" wrapText="1"/>
    </xf>
    <xf numFmtId="2" fontId="5" fillId="2" borderId="6" xfId="0" applyNumberFormat="1" applyFont="1" applyFill="1" applyBorder="1" applyAlignment="1">
      <alignment horizontal="center" vertical="center" wrapText="1"/>
    </xf>
    <xf numFmtId="2" fontId="5" fillId="2" borderId="10" xfId="0" applyNumberFormat="1" applyFont="1" applyFill="1" applyBorder="1" applyAlignment="1">
      <alignment horizontal="center" vertical="center" wrapText="1"/>
    </xf>
    <xf numFmtId="2" fontId="5" fillId="2" borderId="0" xfId="0" applyNumberFormat="1" applyFont="1" applyFill="1" applyAlignment="1">
      <alignment horizontal="center" vertical="center" wrapText="1"/>
    </xf>
    <xf numFmtId="2" fontId="5" fillId="2" borderId="11" xfId="0" applyNumberFormat="1" applyFont="1" applyFill="1" applyBorder="1" applyAlignment="1">
      <alignment horizontal="center" vertical="center" wrapText="1"/>
    </xf>
    <xf numFmtId="2" fontId="5" fillId="2" borderId="15" xfId="0" applyNumberFormat="1" applyFont="1" applyFill="1" applyBorder="1" applyAlignment="1">
      <alignment horizontal="center" vertical="center" wrapText="1"/>
    </xf>
    <xf numFmtId="2" fontId="5" fillId="2" borderId="16" xfId="0" applyNumberFormat="1" applyFont="1" applyFill="1" applyBorder="1" applyAlignment="1">
      <alignment horizontal="center" vertical="center" wrapText="1"/>
    </xf>
    <xf numFmtId="2" fontId="5" fillId="2" borderId="17" xfId="0" applyNumberFormat="1" applyFont="1" applyFill="1" applyBorder="1" applyAlignment="1">
      <alignment horizontal="center" vertical="center" wrapText="1"/>
    </xf>
    <xf numFmtId="2" fontId="20" fillId="2" borderId="1" xfId="0" applyNumberFormat="1" applyFont="1" applyFill="1" applyBorder="1" applyAlignment="1">
      <alignment horizontal="center" vertical="center" wrapText="1"/>
    </xf>
    <xf numFmtId="2" fontId="20" fillId="2" borderId="20" xfId="0" applyNumberFormat="1" applyFont="1" applyFill="1" applyBorder="1" applyAlignment="1">
      <alignment horizontal="center" vertical="center" wrapText="1"/>
    </xf>
    <xf numFmtId="0" fontId="2" fillId="5" borderId="8" xfId="0" applyFont="1" applyFill="1" applyBorder="1" applyAlignment="1">
      <alignment horizontal="center" vertical="center" wrapText="1"/>
    </xf>
    <xf numFmtId="0" fontId="2" fillId="5" borderId="8" xfId="0" applyFont="1" applyFill="1" applyBorder="1" applyAlignment="1">
      <alignment horizontal="center" vertical="center" textRotation="90" wrapText="1"/>
    </xf>
    <xf numFmtId="0" fontId="3" fillId="8" borderId="45" xfId="0" applyFont="1" applyFill="1" applyBorder="1" applyAlignment="1">
      <alignment horizontal="center" vertical="center" wrapText="1"/>
    </xf>
    <xf numFmtId="0" fontId="3" fillId="8" borderId="46" xfId="0" applyFont="1" applyFill="1" applyBorder="1" applyAlignment="1">
      <alignment horizontal="center" vertical="center" wrapText="1"/>
    </xf>
    <xf numFmtId="0" fontId="3" fillId="8" borderId="47" xfId="0" applyFont="1" applyFill="1" applyBorder="1" applyAlignment="1">
      <alignment horizontal="center" vertical="center" wrapText="1"/>
    </xf>
    <xf numFmtId="0" fontId="2" fillId="5" borderId="51" xfId="0" applyFont="1" applyFill="1" applyBorder="1" applyAlignment="1">
      <alignment horizontal="center" vertical="center" wrapText="1"/>
    </xf>
    <xf numFmtId="0" fontId="2" fillId="5" borderId="52" xfId="0" applyFont="1" applyFill="1" applyBorder="1" applyAlignment="1">
      <alignment horizontal="center" vertical="center" wrapText="1"/>
    </xf>
    <xf numFmtId="0" fontId="2" fillId="5" borderId="2" xfId="0" applyFont="1" applyFill="1" applyBorder="1" applyAlignment="1">
      <alignment horizontal="center" vertical="center" textRotation="90" wrapText="1"/>
    </xf>
    <xf numFmtId="2" fontId="17" fillId="2" borderId="1" xfId="0" applyNumberFormat="1" applyFont="1" applyFill="1" applyBorder="1" applyAlignment="1">
      <alignment horizontal="center" vertical="center" wrapText="1"/>
    </xf>
    <xf numFmtId="2" fontId="17" fillId="2" borderId="20" xfId="0" applyNumberFormat="1" applyFont="1" applyFill="1" applyBorder="1" applyAlignment="1">
      <alignment horizontal="center" vertical="center" wrapText="1"/>
    </xf>
    <xf numFmtId="2" fontId="6" fillId="3" borderId="27" xfId="0" applyNumberFormat="1" applyFont="1" applyFill="1" applyBorder="1" applyAlignment="1">
      <alignment horizontal="center" vertical="center" wrapText="1"/>
    </xf>
    <xf numFmtId="2" fontId="6" fillId="3" borderId="33" xfId="0" applyNumberFormat="1" applyFont="1" applyFill="1" applyBorder="1" applyAlignment="1">
      <alignment horizontal="center" vertical="center" wrapText="1"/>
    </xf>
    <xf numFmtId="2" fontId="3" fillId="2" borderId="28" xfId="0" applyNumberFormat="1" applyFont="1" applyFill="1" applyBorder="1" applyAlignment="1">
      <alignment horizontal="center" vertical="center" wrapText="1"/>
    </xf>
    <xf numFmtId="2" fontId="3" fillId="2" borderId="29" xfId="0" applyNumberFormat="1" applyFont="1" applyFill="1" applyBorder="1" applyAlignment="1">
      <alignment horizontal="center" vertical="center" wrapText="1"/>
    </xf>
    <xf numFmtId="0" fontId="2" fillId="5" borderId="1" xfId="0" applyFont="1" applyFill="1" applyBorder="1" applyAlignment="1">
      <alignment horizontal="center" vertical="center" wrapText="1"/>
    </xf>
    <xf numFmtId="0" fontId="2" fillId="5" borderId="7" xfId="0" applyFont="1" applyFill="1" applyBorder="1" applyAlignment="1">
      <alignment horizontal="center" vertical="center" wrapText="1"/>
    </xf>
    <xf numFmtId="0" fontId="2" fillId="5" borderId="20" xfId="0" applyFont="1" applyFill="1" applyBorder="1" applyAlignment="1">
      <alignment horizontal="center" vertical="center" wrapText="1"/>
    </xf>
    <xf numFmtId="0" fontId="2" fillId="5" borderId="12" xfId="0" applyFont="1" applyFill="1" applyBorder="1" applyAlignment="1">
      <alignment horizontal="left" vertical="center" wrapText="1"/>
    </xf>
    <xf numFmtId="0" fontId="2" fillId="5" borderId="18" xfId="0" applyFont="1" applyFill="1" applyBorder="1" applyAlignment="1">
      <alignment horizontal="left" vertical="center" wrapText="1"/>
    </xf>
    <xf numFmtId="0" fontId="2" fillId="5" borderId="21" xfId="0" applyFont="1" applyFill="1" applyBorder="1" applyAlignment="1">
      <alignment horizontal="left" vertical="center" wrapText="1"/>
    </xf>
    <xf numFmtId="0" fontId="2" fillId="5" borderId="62" xfId="0" applyFont="1" applyFill="1" applyBorder="1" applyAlignment="1">
      <alignment horizontal="center" vertical="center" wrapText="1"/>
    </xf>
    <xf numFmtId="0" fontId="2" fillId="5" borderId="63" xfId="0" applyFont="1" applyFill="1" applyBorder="1" applyAlignment="1">
      <alignment horizontal="center" vertical="center" wrapText="1"/>
    </xf>
    <xf numFmtId="0" fontId="2" fillId="5" borderId="64" xfId="0" applyFont="1" applyFill="1" applyBorder="1" applyAlignment="1">
      <alignment horizontal="center" vertical="center" wrapText="1"/>
    </xf>
    <xf numFmtId="0" fontId="2" fillId="5" borderId="2" xfId="0" applyFont="1" applyFill="1" applyBorder="1" applyAlignment="1">
      <alignment horizontal="left" vertical="center" wrapText="1"/>
    </xf>
    <xf numFmtId="0" fontId="2" fillId="5" borderId="8" xfId="0" applyFont="1" applyFill="1" applyBorder="1" applyAlignment="1">
      <alignment horizontal="left" vertical="center" wrapText="1"/>
    </xf>
    <xf numFmtId="0" fontId="2" fillId="5" borderId="31" xfId="0" applyFont="1" applyFill="1" applyBorder="1" applyAlignment="1">
      <alignment horizontal="left" vertical="center" wrapText="1"/>
    </xf>
    <xf numFmtId="0" fontId="2" fillId="5" borderId="54" xfId="0" applyFont="1" applyFill="1" applyBorder="1" applyAlignment="1">
      <alignment horizontal="left" vertical="center" wrapText="1"/>
    </xf>
    <xf numFmtId="0" fontId="2" fillId="5" borderId="65" xfId="0" applyFont="1" applyFill="1" applyBorder="1" applyAlignment="1">
      <alignment horizontal="center" vertical="center" wrapText="1"/>
    </xf>
    <xf numFmtId="0" fontId="2" fillId="5" borderId="3" xfId="0" applyFont="1" applyFill="1" applyBorder="1" applyAlignment="1">
      <alignment horizontal="left" vertical="center" wrapText="1"/>
    </xf>
    <xf numFmtId="0" fontId="2" fillId="5" borderId="9" xfId="0" applyFont="1" applyFill="1" applyBorder="1" applyAlignment="1">
      <alignment horizontal="left" vertical="center" wrapText="1"/>
    </xf>
    <xf numFmtId="0" fontId="2" fillId="5" borderId="32" xfId="0" applyFont="1" applyFill="1" applyBorder="1" applyAlignment="1">
      <alignment horizontal="left" vertical="center" wrapText="1"/>
    </xf>
    <xf numFmtId="0" fontId="15" fillId="8" borderId="45" xfId="0" applyFont="1" applyFill="1" applyBorder="1" applyAlignment="1">
      <alignment horizontal="center" vertical="center" wrapText="1"/>
    </xf>
    <xf numFmtId="0" fontId="15" fillId="8" borderId="46" xfId="0" applyFont="1" applyFill="1" applyBorder="1" applyAlignment="1">
      <alignment horizontal="center" vertical="center" wrapText="1"/>
    </xf>
    <xf numFmtId="0" fontId="15" fillId="8" borderId="47" xfId="0" applyFont="1" applyFill="1" applyBorder="1" applyAlignment="1">
      <alignment horizontal="center" vertical="center"/>
    </xf>
    <xf numFmtId="0" fontId="3" fillId="8" borderId="23" xfId="0" applyFont="1" applyFill="1" applyBorder="1" applyAlignment="1">
      <alignment horizontal="center" vertical="center" wrapText="1"/>
    </xf>
    <xf numFmtId="0" fontId="3" fillId="8" borderId="24" xfId="0" applyFont="1" applyFill="1" applyBorder="1" applyAlignment="1">
      <alignment horizontal="center" vertical="center" wrapText="1"/>
    </xf>
    <xf numFmtId="0" fontId="2" fillId="5" borderId="69" xfId="0" applyFont="1" applyFill="1" applyBorder="1" applyAlignment="1">
      <alignment horizontal="center" vertical="center" wrapText="1"/>
    </xf>
    <xf numFmtId="0" fontId="2" fillId="5" borderId="56" xfId="0" applyFont="1" applyFill="1" applyBorder="1" applyAlignment="1">
      <alignment horizontal="left" vertical="center" wrapText="1"/>
    </xf>
    <xf numFmtId="0" fontId="6" fillId="8" borderId="45" xfId="0" applyFont="1" applyFill="1" applyBorder="1" applyAlignment="1">
      <alignment horizontal="center" vertical="center" wrapText="1"/>
    </xf>
    <xf numFmtId="0" fontId="6" fillId="8" borderId="46" xfId="0" applyFont="1" applyFill="1" applyBorder="1" applyAlignment="1">
      <alignment horizontal="center" vertical="center" wrapText="1"/>
    </xf>
    <xf numFmtId="0" fontId="6" fillId="8" borderId="47" xfId="0" applyFont="1" applyFill="1" applyBorder="1" applyAlignment="1">
      <alignment horizontal="center" vertical="center"/>
    </xf>
    <xf numFmtId="2" fontId="18" fillId="9" borderId="23" xfId="0" applyNumberFormat="1" applyFont="1" applyFill="1" applyBorder="1" applyAlignment="1">
      <alignment horizontal="center" vertical="center" wrapText="1"/>
    </xf>
    <xf numFmtId="2" fontId="18" fillId="9" borderId="24" xfId="0" applyNumberFormat="1" applyFont="1" applyFill="1" applyBorder="1" applyAlignment="1">
      <alignment horizontal="center" vertical="center" wrapText="1"/>
    </xf>
    <xf numFmtId="2" fontId="19" fillId="2" borderId="23" xfId="0" applyNumberFormat="1" applyFont="1" applyFill="1" applyBorder="1" applyAlignment="1">
      <alignment horizontal="center" vertical="center" wrapText="1"/>
    </xf>
    <xf numFmtId="2" fontId="19" fillId="2" borderId="24" xfId="0" applyNumberFormat="1" applyFont="1" applyFill="1" applyBorder="1" applyAlignment="1">
      <alignment horizontal="center" vertical="center" wrapText="1"/>
    </xf>
    <xf numFmtId="2" fontId="19" fillId="2" borderId="25" xfId="0" applyNumberFormat="1" applyFont="1" applyFill="1" applyBorder="1" applyAlignment="1">
      <alignment horizontal="center" vertical="center" wrapText="1"/>
    </xf>
    <xf numFmtId="2" fontId="20" fillId="2" borderId="58" xfId="0" applyNumberFormat="1" applyFont="1" applyFill="1" applyBorder="1" applyAlignment="1">
      <alignment horizontal="center" vertical="center" wrapText="1"/>
    </xf>
    <xf numFmtId="2" fontId="20" fillId="2" borderId="40" xfId="0" applyNumberFormat="1" applyFont="1" applyFill="1" applyBorder="1" applyAlignment="1">
      <alignment horizontal="center" vertical="center" wrapText="1"/>
    </xf>
    <xf numFmtId="2" fontId="19" fillId="2" borderId="59" xfId="0" applyNumberFormat="1" applyFont="1" applyFill="1" applyBorder="1" applyAlignment="1">
      <alignment horizontal="center" vertical="center" wrapText="1"/>
    </xf>
    <xf numFmtId="0" fontId="3" fillId="8" borderId="47" xfId="0" applyFont="1" applyFill="1" applyBorder="1" applyAlignment="1">
      <alignment horizontal="center" vertical="center"/>
    </xf>
  </cellXfs>
  <cellStyles count="4">
    <cellStyle name="Normal" xfId="0" builtinId="0"/>
    <cellStyle name="Normal_CJ_1_CL" xfId="3"/>
    <cellStyle name="Normal_CL" xfId="2"/>
    <cellStyle name="Normal_CL_1" xfId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AA406"/>
  <sheetViews>
    <sheetView tabSelected="1" zoomScale="120" zoomScaleNormal="120" workbookViewId="0">
      <pane ySplit="8" topLeftCell="A232" activePane="bottomLeft" state="frozen"/>
      <selection pane="bottomLeft" activeCell="E1" sqref="E1"/>
    </sheetView>
  </sheetViews>
  <sheetFormatPr defaultColWidth="9.140625" defaultRowHeight="9.75" x14ac:dyDescent="0.25"/>
  <cols>
    <col min="1" max="1" width="3.85546875" style="2" customWidth="1"/>
    <col min="2" max="2" width="17.140625" style="2" customWidth="1"/>
    <col min="3" max="3" width="13.7109375" style="2" customWidth="1"/>
    <col min="4" max="5" width="8.28515625" style="1" bestFit="1" customWidth="1"/>
    <col min="6" max="6" width="7.42578125" style="1" bestFit="1" customWidth="1"/>
    <col min="7" max="7" width="7.140625" style="1" bestFit="1" customWidth="1"/>
    <col min="8" max="8" width="8.28515625" style="1" bestFit="1" customWidth="1"/>
    <col min="9" max="9" width="7.42578125" style="1" bestFit="1" customWidth="1"/>
    <col min="10" max="10" width="5.7109375" style="1" bestFit="1" customWidth="1"/>
    <col min="11" max="12" width="6.5703125" style="1" bestFit="1" customWidth="1"/>
    <col min="13" max="13" width="6.85546875" style="1" customWidth="1"/>
    <col min="14" max="15" width="7.42578125" style="1" bestFit="1" customWidth="1"/>
    <col min="16" max="16" width="7.7109375" style="1" customWidth="1"/>
    <col min="17" max="17" width="6.28515625" style="1" customWidth="1"/>
    <col min="18" max="18" width="7.5703125" style="1" customWidth="1"/>
    <col min="19" max="19" width="5.7109375" style="1" bestFit="1" customWidth="1"/>
    <col min="20" max="20" width="6.5703125" style="1" customWidth="1"/>
    <col min="21" max="21" width="6.5703125" style="1" bestFit="1" customWidth="1"/>
    <col min="22" max="22" width="5" style="1" bestFit="1" customWidth="1"/>
    <col min="23" max="24" width="5.7109375" style="1" bestFit="1" customWidth="1"/>
    <col min="25" max="25" width="5" style="1" bestFit="1" customWidth="1"/>
    <col min="26" max="27" width="5.7109375" style="1" bestFit="1" customWidth="1"/>
    <col min="28" max="16384" width="9.140625" style="2"/>
  </cols>
  <sheetData>
    <row r="1" spans="1:27" ht="12.75" x14ac:dyDescent="0.25">
      <c r="A1" s="85" t="s">
        <v>157</v>
      </c>
      <c r="B1" s="85"/>
      <c r="C1" s="85"/>
      <c r="D1" s="85"/>
      <c r="E1" s="85"/>
      <c r="F1" s="85"/>
      <c r="G1" s="85"/>
      <c r="H1" s="85"/>
      <c r="I1" s="85"/>
      <c r="J1" s="85"/>
      <c r="K1" s="85"/>
      <c r="L1" s="85"/>
      <c r="M1" s="85"/>
      <c r="N1" s="85"/>
      <c r="O1" s="85"/>
      <c r="P1" s="85"/>
      <c r="Q1" s="85"/>
      <c r="R1" s="85"/>
      <c r="S1" s="85"/>
      <c r="T1" s="85"/>
      <c r="U1" s="85"/>
      <c r="V1" s="85"/>
      <c r="W1" s="85"/>
      <c r="X1" s="85"/>
    </row>
    <row r="3" spans="1:27" ht="10.5" thickBot="1" x14ac:dyDescent="0.3"/>
    <row r="4" spans="1:27" ht="12" thickBot="1" x14ac:dyDescent="0.3">
      <c r="A4" s="116" t="s">
        <v>0</v>
      </c>
      <c r="B4" s="119" t="s">
        <v>1</v>
      </c>
      <c r="C4" s="122" t="s">
        <v>2</v>
      </c>
      <c r="D4" s="125" t="s">
        <v>3</v>
      </c>
      <c r="E4" s="126"/>
      <c r="F4" s="127"/>
      <c r="G4" s="179" t="s">
        <v>158</v>
      </c>
      <c r="H4" s="180"/>
      <c r="I4" s="180"/>
      <c r="J4" s="180"/>
      <c r="K4" s="180"/>
      <c r="L4" s="180"/>
      <c r="M4" s="180"/>
      <c r="N4" s="180"/>
      <c r="O4" s="180"/>
      <c r="P4" s="180"/>
      <c r="Q4" s="180"/>
      <c r="R4" s="180"/>
      <c r="S4" s="180"/>
      <c r="T4" s="180"/>
      <c r="U4" s="180"/>
      <c r="V4" s="180"/>
      <c r="W4" s="180"/>
      <c r="X4" s="180"/>
      <c r="Y4" s="180"/>
      <c r="Z4" s="180"/>
      <c r="AA4" s="181"/>
    </row>
    <row r="5" spans="1:27" ht="10.5" customHeight="1" x14ac:dyDescent="0.25">
      <c r="A5" s="117"/>
      <c r="B5" s="120"/>
      <c r="C5" s="123"/>
      <c r="D5" s="128"/>
      <c r="E5" s="129"/>
      <c r="F5" s="130"/>
      <c r="G5" s="110" t="s">
        <v>159</v>
      </c>
      <c r="H5" s="111"/>
      <c r="I5" s="112"/>
      <c r="J5" s="110" t="s">
        <v>160</v>
      </c>
      <c r="K5" s="111"/>
      <c r="L5" s="112"/>
      <c r="M5" s="110" t="s">
        <v>155</v>
      </c>
      <c r="N5" s="111"/>
      <c r="O5" s="112"/>
      <c r="P5" s="110" t="s">
        <v>156</v>
      </c>
      <c r="Q5" s="111"/>
      <c r="R5" s="112"/>
      <c r="S5" s="110" t="s">
        <v>4</v>
      </c>
      <c r="T5" s="111"/>
      <c r="U5" s="111"/>
      <c r="V5" s="111"/>
      <c r="W5" s="111"/>
      <c r="X5" s="111"/>
      <c r="Y5" s="111"/>
      <c r="Z5" s="111"/>
      <c r="AA5" s="112"/>
    </row>
    <row r="6" spans="1:27" ht="133.5" customHeight="1" thickBot="1" x14ac:dyDescent="0.3">
      <c r="A6" s="117"/>
      <c r="B6" s="120"/>
      <c r="C6" s="123"/>
      <c r="D6" s="131"/>
      <c r="E6" s="132"/>
      <c r="F6" s="133"/>
      <c r="G6" s="113"/>
      <c r="H6" s="114"/>
      <c r="I6" s="115"/>
      <c r="J6" s="113"/>
      <c r="K6" s="114"/>
      <c r="L6" s="115"/>
      <c r="M6" s="113"/>
      <c r="N6" s="114"/>
      <c r="O6" s="115"/>
      <c r="P6" s="113"/>
      <c r="Q6" s="114"/>
      <c r="R6" s="115"/>
      <c r="S6" s="113" t="s">
        <v>5</v>
      </c>
      <c r="T6" s="114"/>
      <c r="U6" s="114"/>
      <c r="V6" s="114" t="s">
        <v>6</v>
      </c>
      <c r="W6" s="114"/>
      <c r="X6" s="114"/>
      <c r="Y6" s="114" t="s">
        <v>7</v>
      </c>
      <c r="Z6" s="114"/>
      <c r="AA6" s="115"/>
    </row>
    <row r="7" spans="1:27" ht="24.75" customHeight="1" x14ac:dyDescent="0.25">
      <c r="A7" s="117"/>
      <c r="B7" s="120"/>
      <c r="C7" s="123"/>
      <c r="D7" s="146" t="s">
        <v>8</v>
      </c>
      <c r="E7" s="148" t="s">
        <v>9</v>
      </c>
      <c r="F7" s="149"/>
      <c r="G7" s="182" t="s">
        <v>8</v>
      </c>
      <c r="H7" s="184" t="s">
        <v>9</v>
      </c>
      <c r="I7" s="112"/>
      <c r="J7" s="134" t="s">
        <v>8</v>
      </c>
      <c r="K7" s="111" t="s">
        <v>9</v>
      </c>
      <c r="L7" s="112"/>
      <c r="M7" s="134" t="s">
        <v>8</v>
      </c>
      <c r="N7" s="111" t="s">
        <v>9</v>
      </c>
      <c r="O7" s="112"/>
      <c r="P7" s="144" t="s">
        <v>8</v>
      </c>
      <c r="Q7" s="111" t="s">
        <v>9</v>
      </c>
      <c r="R7" s="112"/>
      <c r="S7" s="144" t="s">
        <v>8</v>
      </c>
      <c r="T7" s="111" t="s">
        <v>9</v>
      </c>
      <c r="U7" s="112"/>
      <c r="V7" s="134" t="s">
        <v>8</v>
      </c>
      <c r="W7" s="111" t="s">
        <v>9</v>
      </c>
      <c r="X7" s="112"/>
      <c r="Y7" s="134" t="s">
        <v>8</v>
      </c>
      <c r="Z7" s="111" t="s">
        <v>9</v>
      </c>
      <c r="AA7" s="112"/>
    </row>
    <row r="8" spans="1:27" ht="32.25" customHeight="1" thickBot="1" x14ac:dyDescent="0.3">
      <c r="A8" s="118"/>
      <c r="B8" s="121"/>
      <c r="C8" s="124"/>
      <c r="D8" s="147"/>
      <c r="E8" s="3" t="s">
        <v>10</v>
      </c>
      <c r="F8" s="4" t="s">
        <v>11</v>
      </c>
      <c r="G8" s="183"/>
      <c r="H8" s="108" t="s">
        <v>10</v>
      </c>
      <c r="I8" s="109" t="s">
        <v>11</v>
      </c>
      <c r="J8" s="135"/>
      <c r="K8" s="86" t="s">
        <v>10</v>
      </c>
      <c r="L8" s="87" t="s">
        <v>11</v>
      </c>
      <c r="M8" s="135"/>
      <c r="N8" s="86" t="s">
        <v>10</v>
      </c>
      <c r="O8" s="87" t="s">
        <v>11</v>
      </c>
      <c r="P8" s="145"/>
      <c r="Q8" s="86" t="s">
        <v>10</v>
      </c>
      <c r="R8" s="87" t="s">
        <v>11</v>
      </c>
      <c r="S8" s="145"/>
      <c r="T8" s="86" t="s">
        <v>10</v>
      </c>
      <c r="U8" s="87" t="s">
        <v>11</v>
      </c>
      <c r="V8" s="135"/>
      <c r="W8" s="86" t="s">
        <v>10</v>
      </c>
      <c r="X8" s="87" t="s">
        <v>11</v>
      </c>
      <c r="Y8" s="135"/>
      <c r="Z8" s="86" t="s">
        <v>10</v>
      </c>
      <c r="AA8" s="87" t="s">
        <v>11</v>
      </c>
    </row>
    <row r="9" spans="1:27" s="12" customFormat="1" ht="11.25" x14ac:dyDescent="0.25">
      <c r="A9" s="136">
        <v>1</v>
      </c>
      <c r="B9" s="137" t="s">
        <v>12</v>
      </c>
      <c r="C9" s="5" t="s">
        <v>13</v>
      </c>
      <c r="D9" s="6">
        <v>29900.42</v>
      </c>
      <c r="E9" s="7">
        <v>18457.309999999998</v>
      </c>
      <c r="F9" s="8">
        <v>11443.11</v>
      </c>
      <c r="G9" s="9">
        <v>24102.13</v>
      </c>
      <c r="H9" s="11">
        <v>15177.18</v>
      </c>
      <c r="I9" s="10">
        <v>8924.9500000000007</v>
      </c>
      <c r="J9" s="9">
        <v>561</v>
      </c>
      <c r="K9" s="11">
        <v>372</v>
      </c>
      <c r="L9" s="10">
        <v>189</v>
      </c>
      <c r="M9" s="9">
        <v>4485.93</v>
      </c>
      <c r="N9" s="11">
        <v>2527.9299999999998</v>
      </c>
      <c r="O9" s="10">
        <v>1958</v>
      </c>
      <c r="P9" s="9">
        <v>258.60000000000002</v>
      </c>
      <c r="Q9" s="11">
        <v>165.6</v>
      </c>
      <c r="R9" s="10">
        <v>93</v>
      </c>
      <c r="S9" s="9">
        <v>237.16</v>
      </c>
      <c r="T9" s="11">
        <v>98</v>
      </c>
      <c r="U9" s="10">
        <v>139.16</v>
      </c>
      <c r="V9" s="9">
        <v>118.8</v>
      </c>
      <c r="W9" s="11">
        <v>65.8</v>
      </c>
      <c r="X9" s="10">
        <v>53</v>
      </c>
      <c r="Y9" s="9">
        <v>136.80000000000001</v>
      </c>
      <c r="Z9" s="11">
        <v>50.8</v>
      </c>
      <c r="AA9" s="10">
        <v>86</v>
      </c>
    </row>
    <row r="10" spans="1:27" s="12" customFormat="1" ht="11.25" x14ac:dyDescent="0.25">
      <c r="A10" s="136"/>
      <c r="B10" s="137"/>
      <c r="C10" s="13" t="s">
        <v>14</v>
      </c>
      <c r="D10" s="6">
        <v>3</v>
      </c>
      <c r="E10" s="7">
        <v>0</v>
      </c>
      <c r="F10" s="8">
        <v>3</v>
      </c>
      <c r="G10" s="9">
        <v>1</v>
      </c>
      <c r="H10" s="11">
        <v>0</v>
      </c>
      <c r="I10" s="10">
        <v>1</v>
      </c>
      <c r="J10" s="9">
        <v>0</v>
      </c>
      <c r="K10" s="11">
        <v>0</v>
      </c>
      <c r="L10" s="10">
        <v>0</v>
      </c>
      <c r="M10" s="9">
        <v>2</v>
      </c>
      <c r="N10" s="11">
        <v>0</v>
      </c>
      <c r="O10" s="10">
        <v>2</v>
      </c>
      <c r="P10" s="9">
        <v>0</v>
      </c>
      <c r="Q10" s="11">
        <v>0</v>
      </c>
      <c r="R10" s="10">
        <v>0</v>
      </c>
      <c r="S10" s="9">
        <v>0</v>
      </c>
      <c r="T10" s="11">
        <v>0</v>
      </c>
      <c r="U10" s="10">
        <v>0</v>
      </c>
      <c r="V10" s="9">
        <v>0</v>
      </c>
      <c r="W10" s="11">
        <v>0</v>
      </c>
      <c r="X10" s="10">
        <v>0</v>
      </c>
      <c r="Y10" s="9">
        <v>0</v>
      </c>
      <c r="Z10" s="11">
        <v>0</v>
      </c>
      <c r="AA10" s="10">
        <v>0</v>
      </c>
    </row>
    <row r="11" spans="1:27" s="12" customFormat="1" ht="11.25" x14ac:dyDescent="0.25">
      <c r="A11" s="136"/>
      <c r="B11" s="137"/>
      <c r="C11" s="13" t="s">
        <v>15</v>
      </c>
      <c r="D11" s="6">
        <v>2</v>
      </c>
      <c r="E11" s="7">
        <v>0</v>
      </c>
      <c r="F11" s="8">
        <v>2</v>
      </c>
      <c r="G11" s="9">
        <v>1</v>
      </c>
      <c r="H11" s="11">
        <v>0</v>
      </c>
      <c r="I11" s="10">
        <v>1</v>
      </c>
      <c r="J11" s="9">
        <v>0</v>
      </c>
      <c r="K11" s="11">
        <v>0</v>
      </c>
      <c r="L11" s="10">
        <v>0</v>
      </c>
      <c r="M11" s="9">
        <v>0</v>
      </c>
      <c r="N11" s="11">
        <v>0</v>
      </c>
      <c r="O11" s="10">
        <v>0</v>
      </c>
      <c r="P11" s="9">
        <v>0</v>
      </c>
      <c r="Q11" s="11">
        <v>0</v>
      </c>
      <c r="R11" s="10">
        <v>0</v>
      </c>
      <c r="S11" s="9">
        <v>0</v>
      </c>
      <c r="T11" s="11">
        <v>0</v>
      </c>
      <c r="U11" s="10">
        <v>0</v>
      </c>
      <c r="V11" s="9">
        <v>0</v>
      </c>
      <c r="W11" s="11">
        <v>0</v>
      </c>
      <c r="X11" s="10">
        <v>0</v>
      </c>
      <c r="Y11" s="9">
        <v>1</v>
      </c>
      <c r="Z11" s="11">
        <v>0</v>
      </c>
      <c r="AA11" s="10">
        <v>1</v>
      </c>
    </row>
    <row r="12" spans="1:27" s="12" customFormat="1" ht="11.25" x14ac:dyDescent="0.25">
      <c r="A12" s="136"/>
      <c r="B12" s="137"/>
      <c r="C12" s="13" t="s">
        <v>16</v>
      </c>
      <c r="D12" s="6">
        <v>7</v>
      </c>
      <c r="E12" s="7">
        <v>0</v>
      </c>
      <c r="F12" s="8">
        <v>7</v>
      </c>
      <c r="G12" s="9">
        <v>6</v>
      </c>
      <c r="H12" s="11">
        <v>0</v>
      </c>
      <c r="I12" s="10">
        <v>6</v>
      </c>
      <c r="J12" s="9">
        <v>0</v>
      </c>
      <c r="K12" s="11">
        <v>0</v>
      </c>
      <c r="L12" s="10">
        <v>0</v>
      </c>
      <c r="M12" s="9">
        <v>0</v>
      </c>
      <c r="N12" s="11">
        <v>0</v>
      </c>
      <c r="O12" s="10">
        <v>0</v>
      </c>
      <c r="P12" s="9">
        <v>0</v>
      </c>
      <c r="Q12" s="11">
        <v>0</v>
      </c>
      <c r="R12" s="10">
        <v>0</v>
      </c>
      <c r="S12" s="9">
        <v>1</v>
      </c>
      <c r="T12" s="11">
        <v>0</v>
      </c>
      <c r="U12" s="10">
        <v>1</v>
      </c>
      <c r="V12" s="9">
        <v>0</v>
      </c>
      <c r="W12" s="11">
        <v>0</v>
      </c>
      <c r="X12" s="10">
        <v>0</v>
      </c>
      <c r="Y12" s="9">
        <v>0</v>
      </c>
      <c r="Z12" s="11">
        <v>0</v>
      </c>
      <c r="AA12" s="10">
        <v>0</v>
      </c>
    </row>
    <row r="13" spans="1:27" s="12" customFormat="1" ht="11.25" x14ac:dyDescent="0.25">
      <c r="A13" s="136"/>
      <c r="B13" s="137"/>
      <c r="C13" s="13" t="s">
        <v>17</v>
      </c>
      <c r="D13" s="14">
        <v>280.5</v>
      </c>
      <c r="E13" s="7">
        <v>268.5</v>
      </c>
      <c r="F13" s="8">
        <v>12</v>
      </c>
      <c r="G13" s="9">
        <v>180.5</v>
      </c>
      <c r="H13" s="11">
        <v>175.5</v>
      </c>
      <c r="I13" s="10">
        <v>5</v>
      </c>
      <c r="J13" s="9">
        <v>8</v>
      </c>
      <c r="K13" s="11">
        <v>8</v>
      </c>
      <c r="L13" s="10">
        <v>0</v>
      </c>
      <c r="M13" s="9">
        <v>46</v>
      </c>
      <c r="N13" s="11">
        <v>44</v>
      </c>
      <c r="O13" s="10">
        <v>2</v>
      </c>
      <c r="P13" s="9">
        <v>3</v>
      </c>
      <c r="Q13" s="11">
        <v>3</v>
      </c>
      <c r="R13" s="10">
        <v>0</v>
      </c>
      <c r="S13" s="9">
        <v>19</v>
      </c>
      <c r="T13" s="11">
        <v>15</v>
      </c>
      <c r="U13" s="10">
        <v>4</v>
      </c>
      <c r="V13" s="9">
        <v>7</v>
      </c>
      <c r="W13" s="11">
        <v>7</v>
      </c>
      <c r="X13" s="10">
        <v>0</v>
      </c>
      <c r="Y13" s="9">
        <v>17</v>
      </c>
      <c r="Z13" s="11">
        <v>16</v>
      </c>
      <c r="AA13" s="10">
        <v>1</v>
      </c>
    </row>
    <row r="14" spans="1:27" s="12" customFormat="1" ht="11.25" x14ac:dyDescent="0.25">
      <c r="A14" s="136"/>
      <c r="B14" s="137"/>
      <c r="C14" s="13" t="s">
        <v>18</v>
      </c>
      <c r="D14" s="14">
        <v>1</v>
      </c>
      <c r="E14" s="7">
        <v>1</v>
      </c>
      <c r="F14" s="8">
        <v>0</v>
      </c>
      <c r="G14" s="9">
        <v>0</v>
      </c>
      <c r="H14" s="11">
        <v>0</v>
      </c>
      <c r="I14" s="10">
        <v>0</v>
      </c>
      <c r="J14" s="9">
        <v>0</v>
      </c>
      <c r="K14" s="11">
        <v>0</v>
      </c>
      <c r="L14" s="10">
        <v>0</v>
      </c>
      <c r="M14" s="9">
        <v>0</v>
      </c>
      <c r="N14" s="11">
        <v>0</v>
      </c>
      <c r="O14" s="10">
        <v>0</v>
      </c>
      <c r="P14" s="9">
        <v>1</v>
      </c>
      <c r="Q14" s="11">
        <v>1</v>
      </c>
      <c r="R14" s="10">
        <v>0</v>
      </c>
      <c r="S14" s="9">
        <v>0</v>
      </c>
      <c r="T14" s="11">
        <v>0</v>
      </c>
      <c r="U14" s="10">
        <v>0</v>
      </c>
      <c r="V14" s="9">
        <v>0</v>
      </c>
      <c r="W14" s="11">
        <v>0</v>
      </c>
      <c r="X14" s="10">
        <v>0</v>
      </c>
      <c r="Y14" s="9">
        <v>0</v>
      </c>
      <c r="Z14" s="11">
        <v>0</v>
      </c>
      <c r="AA14" s="10">
        <v>0</v>
      </c>
    </row>
    <row r="15" spans="1:27" s="12" customFormat="1" ht="11.25" x14ac:dyDescent="0.25">
      <c r="A15" s="136"/>
      <c r="B15" s="137"/>
      <c r="C15" s="13" t="s">
        <v>19</v>
      </c>
      <c r="D15" s="14">
        <v>2323.8000000000002</v>
      </c>
      <c r="E15" s="7">
        <v>1208.8</v>
      </c>
      <c r="F15" s="8">
        <v>1115</v>
      </c>
      <c r="G15" s="9">
        <v>1899.8</v>
      </c>
      <c r="H15" s="11">
        <v>1002.8</v>
      </c>
      <c r="I15" s="10">
        <v>897</v>
      </c>
      <c r="J15" s="9">
        <v>24</v>
      </c>
      <c r="K15" s="11">
        <v>8</v>
      </c>
      <c r="L15" s="10">
        <v>16</v>
      </c>
      <c r="M15" s="9">
        <v>379</v>
      </c>
      <c r="N15" s="11">
        <v>183</v>
      </c>
      <c r="O15" s="10">
        <v>196</v>
      </c>
      <c r="P15" s="9">
        <v>6</v>
      </c>
      <c r="Q15" s="11">
        <v>6</v>
      </c>
      <c r="R15" s="10">
        <v>0</v>
      </c>
      <c r="S15" s="9">
        <v>5</v>
      </c>
      <c r="T15" s="11">
        <v>4</v>
      </c>
      <c r="U15" s="10">
        <v>1</v>
      </c>
      <c r="V15" s="9">
        <v>1</v>
      </c>
      <c r="W15" s="11">
        <v>0</v>
      </c>
      <c r="X15" s="10">
        <v>1</v>
      </c>
      <c r="Y15" s="9">
        <v>9</v>
      </c>
      <c r="Z15" s="11">
        <v>5</v>
      </c>
      <c r="AA15" s="10">
        <v>4</v>
      </c>
    </row>
    <row r="16" spans="1:27" s="12" customFormat="1" ht="11.25" x14ac:dyDescent="0.25">
      <c r="A16" s="136"/>
      <c r="B16" s="137"/>
      <c r="C16" s="13" t="s">
        <v>20</v>
      </c>
      <c r="D16" s="14">
        <v>0</v>
      </c>
      <c r="E16" s="7">
        <v>0</v>
      </c>
      <c r="F16" s="8">
        <v>0</v>
      </c>
      <c r="G16" s="9">
        <v>0</v>
      </c>
      <c r="H16" s="11">
        <v>0</v>
      </c>
      <c r="I16" s="10">
        <v>0</v>
      </c>
      <c r="J16" s="9">
        <v>0</v>
      </c>
      <c r="K16" s="11">
        <v>0</v>
      </c>
      <c r="L16" s="10">
        <v>0</v>
      </c>
      <c r="M16" s="9">
        <v>0</v>
      </c>
      <c r="N16" s="11">
        <v>0</v>
      </c>
      <c r="O16" s="10">
        <v>0</v>
      </c>
      <c r="P16" s="9">
        <v>0</v>
      </c>
      <c r="Q16" s="11">
        <v>0</v>
      </c>
      <c r="R16" s="10">
        <v>0</v>
      </c>
      <c r="S16" s="9">
        <v>0</v>
      </c>
      <c r="T16" s="11">
        <v>0</v>
      </c>
      <c r="U16" s="10">
        <v>0</v>
      </c>
      <c r="V16" s="9">
        <v>0</v>
      </c>
      <c r="W16" s="11">
        <v>0</v>
      </c>
      <c r="X16" s="10">
        <v>0</v>
      </c>
      <c r="Y16" s="9">
        <v>0</v>
      </c>
      <c r="Z16" s="11">
        <v>0</v>
      </c>
      <c r="AA16" s="10">
        <v>0</v>
      </c>
    </row>
    <row r="17" spans="1:27" s="12" customFormat="1" ht="11.25" x14ac:dyDescent="0.25">
      <c r="A17" s="136"/>
      <c r="B17" s="137"/>
      <c r="C17" s="13" t="s">
        <v>21</v>
      </c>
      <c r="D17" s="14">
        <v>15</v>
      </c>
      <c r="E17" s="7">
        <v>8</v>
      </c>
      <c r="F17" s="8">
        <v>7</v>
      </c>
      <c r="G17" s="9">
        <v>6</v>
      </c>
      <c r="H17" s="11">
        <v>3</v>
      </c>
      <c r="I17" s="10">
        <v>3</v>
      </c>
      <c r="J17" s="9">
        <v>0</v>
      </c>
      <c r="K17" s="11">
        <v>0</v>
      </c>
      <c r="L17" s="10">
        <v>0</v>
      </c>
      <c r="M17" s="9">
        <v>5</v>
      </c>
      <c r="N17" s="11">
        <v>3</v>
      </c>
      <c r="O17" s="10">
        <v>2</v>
      </c>
      <c r="P17" s="9">
        <v>0</v>
      </c>
      <c r="Q17" s="11">
        <v>0</v>
      </c>
      <c r="R17" s="10">
        <v>0</v>
      </c>
      <c r="S17" s="9">
        <v>1</v>
      </c>
      <c r="T17" s="11">
        <v>0</v>
      </c>
      <c r="U17" s="10">
        <v>1</v>
      </c>
      <c r="V17" s="9">
        <v>0</v>
      </c>
      <c r="W17" s="11">
        <v>0</v>
      </c>
      <c r="X17" s="10">
        <v>0</v>
      </c>
      <c r="Y17" s="9">
        <v>3</v>
      </c>
      <c r="Z17" s="11">
        <v>2</v>
      </c>
      <c r="AA17" s="10">
        <v>1</v>
      </c>
    </row>
    <row r="18" spans="1:27" s="12" customFormat="1" ht="11.25" x14ac:dyDescent="0.25">
      <c r="A18" s="136"/>
      <c r="B18" s="137"/>
      <c r="C18" s="13" t="s">
        <v>22</v>
      </c>
      <c r="D18" s="14">
        <v>14</v>
      </c>
      <c r="E18" s="7">
        <v>6</v>
      </c>
      <c r="F18" s="8">
        <v>8</v>
      </c>
      <c r="G18" s="9">
        <v>11</v>
      </c>
      <c r="H18" s="11">
        <v>4</v>
      </c>
      <c r="I18" s="10">
        <v>7</v>
      </c>
      <c r="J18" s="9">
        <v>1</v>
      </c>
      <c r="K18" s="11">
        <v>1</v>
      </c>
      <c r="L18" s="10">
        <v>0</v>
      </c>
      <c r="M18" s="9">
        <v>1</v>
      </c>
      <c r="N18" s="11">
        <v>0</v>
      </c>
      <c r="O18" s="10">
        <v>1</v>
      </c>
      <c r="P18" s="9">
        <v>0</v>
      </c>
      <c r="Q18" s="11">
        <v>0</v>
      </c>
      <c r="R18" s="10">
        <v>0</v>
      </c>
      <c r="S18" s="9">
        <v>0</v>
      </c>
      <c r="T18" s="11">
        <v>0</v>
      </c>
      <c r="U18" s="10">
        <v>0</v>
      </c>
      <c r="V18" s="9">
        <v>1</v>
      </c>
      <c r="W18" s="11">
        <v>1</v>
      </c>
      <c r="X18" s="10">
        <v>0</v>
      </c>
      <c r="Y18" s="9">
        <v>0</v>
      </c>
      <c r="Z18" s="11">
        <v>0</v>
      </c>
      <c r="AA18" s="10">
        <v>0</v>
      </c>
    </row>
    <row r="19" spans="1:27" s="12" customFormat="1" ht="11.25" x14ac:dyDescent="0.25">
      <c r="A19" s="136"/>
      <c r="B19" s="137"/>
      <c r="C19" s="13" t="s">
        <v>23</v>
      </c>
      <c r="D19" s="14">
        <v>17</v>
      </c>
      <c r="E19" s="7">
        <v>9</v>
      </c>
      <c r="F19" s="8">
        <v>8</v>
      </c>
      <c r="G19" s="9">
        <v>15</v>
      </c>
      <c r="H19" s="11">
        <v>8</v>
      </c>
      <c r="I19" s="10">
        <v>7</v>
      </c>
      <c r="J19" s="9">
        <v>0</v>
      </c>
      <c r="K19" s="11">
        <v>0</v>
      </c>
      <c r="L19" s="10">
        <v>0</v>
      </c>
      <c r="M19" s="9">
        <v>2</v>
      </c>
      <c r="N19" s="11">
        <v>1</v>
      </c>
      <c r="O19" s="10">
        <v>1</v>
      </c>
      <c r="P19" s="9">
        <v>0</v>
      </c>
      <c r="Q19" s="11">
        <v>0</v>
      </c>
      <c r="R19" s="10">
        <v>0</v>
      </c>
      <c r="S19" s="9">
        <v>0</v>
      </c>
      <c r="T19" s="11">
        <v>0</v>
      </c>
      <c r="U19" s="10">
        <v>0</v>
      </c>
      <c r="V19" s="9">
        <v>0</v>
      </c>
      <c r="W19" s="11">
        <v>0</v>
      </c>
      <c r="X19" s="10">
        <v>0</v>
      </c>
      <c r="Y19" s="9">
        <v>0</v>
      </c>
      <c r="Z19" s="11">
        <v>0</v>
      </c>
      <c r="AA19" s="10">
        <v>0</v>
      </c>
    </row>
    <row r="20" spans="1:27" s="12" customFormat="1" ht="12" thickBot="1" x14ac:dyDescent="0.3">
      <c r="A20" s="136"/>
      <c r="B20" s="137"/>
      <c r="C20" s="15" t="s">
        <v>24</v>
      </c>
      <c r="D20" s="14">
        <v>28</v>
      </c>
      <c r="E20" s="7">
        <v>5</v>
      </c>
      <c r="F20" s="8">
        <v>23</v>
      </c>
      <c r="G20" s="9">
        <v>27</v>
      </c>
      <c r="H20" s="11">
        <v>4</v>
      </c>
      <c r="I20" s="10">
        <v>23</v>
      </c>
      <c r="J20" s="9">
        <v>0</v>
      </c>
      <c r="K20" s="11">
        <v>0</v>
      </c>
      <c r="L20" s="10">
        <v>0</v>
      </c>
      <c r="M20" s="9">
        <v>1</v>
      </c>
      <c r="N20" s="11">
        <v>1</v>
      </c>
      <c r="O20" s="10">
        <v>0</v>
      </c>
      <c r="P20" s="9">
        <v>0</v>
      </c>
      <c r="Q20" s="11">
        <v>0</v>
      </c>
      <c r="R20" s="10">
        <v>0</v>
      </c>
      <c r="S20" s="9">
        <v>0</v>
      </c>
      <c r="T20" s="11">
        <v>0</v>
      </c>
      <c r="U20" s="10">
        <v>0</v>
      </c>
      <c r="V20" s="9">
        <v>0</v>
      </c>
      <c r="W20" s="11">
        <v>0</v>
      </c>
      <c r="X20" s="10">
        <v>0</v>
      </c>
      <c r="Y20" s="9">
        <v>0</v>
      </c>
      <c r="Z20" s="11">
        <v>0</v>
      </c>
      <c r="AA20" s="10">
        <v>0</v>
      </c>
    </row>
    <row r="21" spans="1:27" s="12" customFormat="1" ht="12" thickBot="1" x14ac:dyDescent="0.3">
      <c r="A21" s="138" t="s">
        <v>25</v>
      </c>
      <c r="B21" s="139"/>
      <c r="C21" s="140"/>
      <c r="D21" s="25">
        <v>32591.719999999998</v>
      </c>
      <c r="E21" s="26">
        <v>19963.609999999997</v>
      </c>
      <c r="F21" s="26">
        <v>12628.11</v>
      </c>
      <c r="G21" s="27">
        <v>26249.43</v>
      </c>
      <c r="H21" s="28">
        <v>16374.48</v>
      </c>
      <c r="I21" s="28">
        <v>9874.9500000000007</v>
      </c>
      <c r="J21" s="27">
        <v>594</v>
      </c>
      <c r="K21" s="28">
        <v>389</v>
      </c>
      <c r="L21" s="28">
        <v>205</v>
      </c>
      <c r="M21" s="27">
        <v>4921.93</v>
      </c>
      <c r="N21" s="28">
        <v>2759.93</v>
      </c>
      <c r="O21" s="28">
        <v>2162</v>
      </c>
      <c r="P21" s="27">
        <v>268.60000000000002</v>
      </c>
      <c r="Q21" s="28">
        <v>175.6</v>
      </c>
      <c r="R21" s="28">
        <v>93</v>
      </c>
      <c r="S21" s="27">
        <v>263.15999999999997</v>
      </c>
      <c r="T21" s="28">
        <v>117</v>
      </c>
      <c r="U21" s="28">
        <v>146.16</v>
      </c>
      <c r="V21" s="27">
        <v>127.8</v>
      </c>
      <c r="W21" s="28">
        <v>73.8</v>
      </c>
      <c r="X21" s="28">
        <v>54</v>
      </c>
      <c r="Y21" s="27">
        <v>166.8</v>
      </c>
      <c r="Z21" s="28">
        <v>73.8</v>
      </c>
      <c r="AA21" s="29">
        <v>93</v>
      </c>
    </row>
    <row r="22" spans="1:27" s="12" customFormat="1" ht="11.25" customHeight="1" x14ac:dyDescent="0.25">
      <c r="A22" s="141">
        <v>2</v>
      </c>
      <c r="B22" s="143" t="s">
        <v>26</v>
      </c>
      <c r="C22" s="5" t="s">
        <v>13</v>
      </c>
      <c r="D22" s="14">
        <v>40351.117500000008</v>
      </c>
      <c r="E22" s="7">
        <v>19862.170100000007</v>
      </c>
      <c r="F22" s="8">
        <v>20488.947399999997</v>
      </c>
      <c r="G22" s="9">
        <v>34551.147500000006</v>
      </c>
      <c r="H22" s="16">
        <v>17727.770100000005</v>
      </c>
      <c r="I22" s="17">
        <v>16823.377400000001</v>
      </c>
      <c r="J22" s="9">
        <v>451.59000000000003</v>
      </c>
      <c r="K22" s="16">
        <v>164.72</v>
      </c>
      <c r="L22" s="17">
        <v>286.87</v>
      </c>
      <c r="M22" s="9">
        <v>4350.3688999999995</v>
      </c>
      <c r="N22" s="16">
        <v>1607.6499999999999</v>
      </c>
      <c r="O22" s="17">
        <v>2742.7188999999998</v>
      </c>
      <c r="P22" s="9">
        <v>500.44</v>
      </c>
      <c r="Q22" s="16">
        <v>237.78</v>
      </c>
      <c r="R22" s="17">
        <v>262.66000000000003</v>
      </c>
      <c r="S22" s="9">
        <v>270.13000000000005</v>
      </c>
      <c r="T22" s="16">
        <v>80.25</v>
      </c>
      <c r="U22" s="17">
        <v>189.88000000000005</v>
      </c>
      <c r="V22" s="9">
        <v>107.16</v>
      </c>
      <c r="W22" s="16">
        <v>13</v>
      </c>
      <c r="X22" s="17">
        <v>94.16</v>
      </c>
      <c r="Y22" s="9">
        <v>120.2811</v>
      </c>
      <c r="Z22" s="16">
        <v>31</v>
      </c>
      <c r="AA22" s="17">
        <v>89.281099999999995</v>
      </c>
    </row>
    <row r="23" spans="1:27" s="12" customFormat="1" ht="11.25" x14ac:dyDescent="0.25">
      <c r="A23" s="142"/>
      <c r="B23" s="137"/>
      <c r="C23" s="5" t="s">
        <v>14</v>
      </c>
      <c r="D23" s="18">
        <v>2</v>
      </c>
      <c r="E23" s="7">
        <v>0</v>
      </c>
      <c r="F23" s="8">
        <v>2</v>
      </c>
      <c r="G23" s="9">
        <v>2</v>
      </c>
      <c r="H23" s="16">
        <v>0</v>
      </c>
      <c r="I23" s="17">
        <v>2</v>
      </c>
      <c r="J23" s="9">
        <v>0</v>
      </c>
      <c r="K23" s="16">
        <v>0</v>
      </c>
      <c r="L23" s="17">
        <v>0</v>
      </c>
      <c r="M23" s="9">
        <v>0</v>
      </c>
      <c r="N23" s="16">
        <v>0</v>
      </c>
      <c r="O23" s="17">
        <v>0</v>
      </c>
      <c r="P23" s="9">
        <v>0</v>
      </c>
      <c r="Q23" s="16">
        <v>0</v>
      </c>
      <c r="R23" s="17">
        <v>0</v>
      </c>
      <c r="S23" s="9">
        <v>0</v>
      </c>
      <c r="T23" s="16">
        <v>0</v>
      </c>
      <c r="U23" s="17">
        <v>0</v>
      </c>
      <c r="V23" s="9">
        <v>0</v>
      </c>
      <c r="W23" s="16">
        <v>0</v>
      </c>
      <c r="X23" s="17">
        <v>0</v>
      </c>
      <c r="Y23" s="9">
        <v>0</v>
      </c>
      <c r="Z23" s="16">
        <v>0</v>
      </c>
      <c r="AA23" s="17">
        <v>0</v>
      </c>
    </row>
    <row r="24" spans="1:27" s="12" customFormat="1" ht="11.25" x14ac:dyDescent="0.25">
      <c r="A24" s="142"/>
      <c r="B24" s="137"/>
      <c r="C24" s="13" t="s">
        <v>15</v>
      </c>
      <c r="D24" s="18">
        <v>5.6000000000000005</v>
      </c>
      <c r="E24" s="7">
        <v>0</v>
      </c>
      <c r="F24" s="8">
        <v>5.6000000000000005</v>
      </c>
      <c r="G24" s="9">
        <v>3.4</v>
      </c>
      <c r="H24" s="16">
        <v>0</v>
      </c>
      <c r="I24" s="17">
        <v>3.4</v>
      </c>
      <c r="J24" s="9">
        <v>0</v>
      </c>
      <c r="K24" s="16">
        <v>0</v>
      </c>
      <c r="L24" s="17">
        <v>0</v>
      </c>
      <c r="M24" s="9">
        <v>2.2000000000000002</v>
      </c>
      <c r="N24" s="16">
        <v>0</v>
      </c>
      <c r="O24" s="17">
        <v>2.2000000000000002</v>
      </c>
      <c r="P24" s="9">
        <v>0</v>
      </c>
      <c r="Q24" s="16">
        <v>0</v>
      </c>
      <c r="R24" s="17">
        <v>0</v>
      </c>
      <c r="S24" s="9">
        <v>0</v>
      </c>
      <c r="T24" s="16">
        <v>0</v>
      </c>
      <c r="U24" s="17">
        <v>0</v>
      </c>
      <c r="V24" s="9">
        <v>0</v>
      </c>
      <c r="W24" s="16">
        <v>0</v>
      </c>
      <c r="X24" s="17">
        <v>0</v>
      </c>
      <c r="Y24" s="9">
        <v>0</v>
      </c>
      <c r="Z24" s="16">
        <v>0</v>
      </c>
      <c r="AA24" s="17">
        <v>0</v>
      </c>
    </row>
    <row r="25" spans="1:27" s="12" customFormat="1" ht="11.25" x14ac:dyDescent="0.25">
      <c r="A25" s="142"/>
      <c r="B25" s="137"/>
      <c r="C25" s="13" t="s">
        <v>16</v>
      </c>
      <c r="D25" s="18">
        <v>4</v>
      </c>
      <c r="E25" s="7">
        <v>0</v>
      </c>
      <c r="F25" s="8">
        <v>4</v>
      </c>
      <c r="G25" s="9">
        <v>3</v>
      </c>
      <c r="H25" s="16">
        <v>0</v>
      </c>
      <c r="I25" s="17">
        <v>3</v>
      </c>
      <c r="J25" s="9">
        <v>0</v>
      </c>
      <c r="K25" s="16">
        <v>0</v>
      </c>
      <c r="L25" s="17">
        <v>0</v>
      </c>
      <c r="M25" s="9">
        <v>1</v>
      </c>
      <c r="N25" s="16">
        <v>0</v>
      </c>
      <c r="O25" s="17">
        <v>1</v>
      </c>
      <c r="P25" s="9">
        <v>0</v>
      </c>
      <c r="Q25" s="16">
        <v>0</v>
      </c>
      <c r="R25" s="17">
        <v>0</v>
      </c>
      <c r="S25" s="9">
        <v>0</v>
      </c>
      <c r="T25" s="16">
        <v>0</v>
      </c>
      <c r="U25" s="17">
        <v>0</v>
      </c>
      <c r="V25" s="9">
        <v>0</v>
      </c>
      <c r="W25" s="16">
        <v>0</v>
      </c>
      <c r="X25" s="17">
        <v>0</v>
      </c>
      <c r="Y25" s="9">
        <v>0</v>
      </c>
      <c r="Z25" s="16">
        <v>0</v>
      </c>
      <c r="AA25" s="17">
        <v>0</v>
      </c>
    </row>
    <row r="26" spans="1:27" s="12" customFormat="1" ht="11.25" x14ac:dyDescent="0.25">
      <c r="A26" s="142"/>
      <c r="B26" s="137"/>
      <c r="C26" s="13" t="s">
        <v>17</v>
      </c>
      <c r="D26" s="18">
        <v>432.8676999999999</v>
      </c>
      <c r="E26" s="7">
        <v>417.97769999999991</v>
      </c>
      <c r="F26" s="8">
        <v>14.89</v>
      </c>
      <c r="G26" s="9">
        <v>335.84769999999997</v>
      </c>
      <c r="H26" s="16">
        <v>331.07769999999999</v>
      </c>
      <c r="I26" s="17">
        <v>4.7699999999999996</v>
      </c>
      <c r="J26" s="9">
        <v>8.49</v>
      </c>
      <c r="K26" s="16">
        <v>8.49</v>
      </c>
      <c r="L26" s="17">
        <v>0</v>
      </c>
      <c r="M26" s="9">
        <v>37.57</v>
      </c>
      <c r="N26" s="16">
        <v>32.11</v>
      </c>
      <c r="O26" s="17">
        <v>5.46</v>
      </c>
      <c r="P26" s="9">
        <v>7.42</v>
      </c>
      <c r="Q26" s="16">
        <v>6.2</v>
      </c>
      <c r="R26" s="17">
        <v>1.22</v>
      </c>
      <c r="S26" s="9">
        <v>21.509999999999994</v>
      </c>
      <c r="T26" s="16">
        <v>20.289999999999996</v>
      </c>
      <c r="U26" s="17">
        <v>1.22</v>
      </c>
      <c r="V26" s="9">
        <v>5.92</v>
      </c>
      <c r="W26" s="16">
        <v>4.4800000000000004</v>
      </c>
      <c r="X26" s="17">
        <v>1.44</v>
      </c>
      <c r="Y26" s="9">
        <v>16.11</v>
      </c>
      <c r="Z26" s="16">
        <v>15.329999999999998</v>
      </c>
      <c r="AA26" s="17">
        <v>0.78</v>
      </c>
    </row>
    <row r="27" spans="1:27" s="12" customFormat="1" ht="11.25" x14ac:dyDescent="0.25">
      <c r="A27" s="142"/>
      <c r="B27" s="137"/>
      <c r="C27" s="13" t="s">
        <v>18</v>
      </c>
      <c r="D27" s="18">
        <v>0</v>
      </c>
      <c r="E27" s="7">
        <v>0</v>
      </c>
      <c r="F27" s="8">
        <v>0</v>
      </c>
      <c r="G27" s="9">
        <v>0</v>
      </c>
      <c r="H27" s="16">
        <v>0</v>
      </c>
      <c r="I27" s="17">
        <v>0</v>
      </c>
      <c r="J27" s="9">
        <v>0</v>
      </c>
      <c r="K27" s="16">
        <v>0</v>
      </c>
      <c r="L27" s="17">
        <v>0</v>
      </c>
      <c r="M27" s="9">
        <v>0</v>
      </c>
      <c r="N27" s="16">
        <v>0</v>
      </c>
      <c r="O27" s="17">
        <v>0</v>
      </c>
      <c r="P27" s="9">
        <v>0</v>
      </c>
      <c r="Q27" s="16">
        <v>0</v>
      </c>
      <c r="R27" s="17">
        <v>0</v>
      </c>
      <c r="S27" s="9">
        <v>0</v>
      </c>
      <c r="T27" s="16">
        <v>0</v>
      </c>
      <c r="U27" s="17">
        <v>0</v>
      </c>
      <c r="V27" s="9">
        <v>0</v>
      </c>
      <c r="W27" s="16">
        <v>0</v>
      </c>
      <c r="X27" s="17">
        <v>0</v>
      </c>
      <c r="Y27" s="9">
        <v>0</v>
      </c>
      <c r="Z27" s="16">
        <v>0</v>
      </c>
      <c r="AA27" s="17">
        <v>0</v>
      </c>
    </row>
    <row r="28" spans="1:27" s="12" customFormat="1" ht="11.25" x14ac:dyDescent="0.25">
      <c r="A28" s="142"/>
      <c r="B28" s="137"/>
      <c r="C28" s="13" t="s">
        <v>19</v>
      </c>
      <c r="D28" s="18">
        <v>3418.6461999999997</v>
      </c>
      <c r="E28" s="7">
        <v>1401.9543999999999</v>
      </c>
      <c r="F28" s="8">
        <v>2016.6917999999998</v>
      </c>
      <c r="G28" s="9">
        <v>3054.3984999999998</v>
      </c>
      <c r="H28" s="16">
        <v>1270.2199999999998</v>
      </c>
      <c r="I28" s="17">
        <v>1784.1785</v>
      </c>
      <c r="J28" s="9">
        <v>30.28</v>
      </c>
      <c r="K28" s="16">
        <v>4.7600000000000007</v>
      </c>
      <c r="L28" s="17">
        <v>25.52</v>
      </c>
      <c r="M28" s="9">
        <v>306.1866</v>
      </c>
      <c r="N28" s="16">
        <v>114.59440000000001</v>
      </c>
      <c r="O28" s="17">
        <v>191.59220000000002</v>
      </c>
      <c r="P28" s="9">
        <v>10.16</v>
      </c>
      <c r="Q28" s="16">
        <v>5.3900000000000006</v>
      </c>
      <c r="R28" s="17">
        <v>4.7699999999999996</v>
      </c>
      <c r="S28" s="9">
        <v>8.4499999999999993</v>
      </c>
      <c r="T28" s="16">
        <v>4.5699999999999994</v>
      </c>
      <c r="U28" s="17">
        <v>3.88</v>
      </c>
      <c r="V28" s="9">
        <v>3.33</v>
      </c>
      <c r="W28" s="16">
        <v>0</v>
      </c>
      <c r="X28" s="17">
        <v>3.33</v>
      </c>
      <c r="Y28" s="9">
        <v>5.8410999999999991</v>
      </c>
      <c r="Z28" s="16">
        <v>2.42</v>
      </c>
      <c r="AA28" s="17">
        <v>3.4210999999999996</v>
      </c>
    </row>
    <row r="29" spans="1:27" s="12" customFormat="1" ht="11.25" x14ac:dyDescent="0.25">
      <c r="A29" s="142"/>
      <c r="B29" s="137"/>
      <c r="C29" s="13" t="s">
        <v>20</v>
      </c>
      <c r="D29" s="18">
        <v>0</v>
      </c>
      <c r="E29" s="7">
        <v>0</v>
      </c>
      <c r="F29" s="8">
        <v>0</v>
      </c>
      <c r="G29" s="9">
        <v>0</v>
      </c>
      <c r="H29" s="16">
        <v>0</v>
      </c>
      <c r="I29" s="17">
        <v>0</v>
      </c>
      <c r="J29" s="9">
        <v>0</v>
      </c>
      <c r="K29" s="16">
        <v>0</v>
      </c>
      <c r="L29" s="17">
        <v>0</v>
      </c>
      <c r="M29" s="9">
        <v>0</v>
      </c>
      <c r="N29" s="16">
        <v>0</v>
      </c>
      <c r="O29" s="17">
        <v>0</v>
      </c>
      <c r="P29" s="9">
        <v>0</v>
      </c>
      <c r="Q29" s="16">
        <v>0</v>
      </c>
      <c r="R29" s="17">
        <v>0</v>
      </c>
      <c r="S29" s="9">
        <v>0</v>
      </c>
      <c r="T29" s="16">
        <v>0</v>
      </c>
      <c r="U29" s="17">
        <v>0</v>
      </c>
      <c r="V29" s="9">
        <v>0</v>
      </c>
      <c r="W29" s="16">
        <v>0</v>
      </c>
      <c r="X29" s="17">
        <v>0</v>
      </c>
      <c r="Y29" s="9">
        <v>0</v>
      </c>
      <c r="Z29" s="16">
        <v>0</v>
      </c>
      <c r="AA29" s="17">
        <v>0</v>
      </c>
    </row>
    <row r="30" spans="1:27" s="12" customFormat="1" ht="11.25" x14ac:dyDescent="0.25">
      <c r="A30" s="142"/>
      <c r="B30" s="137"/>
      <c r="C30" s="13" t="s">
        <v>21</v>
      </c>
      <c r="D30" s="18">
        <v>26.369999999999997</v>
      </c>
      <c r="E30" s="7">
        <v>20.22</v>
      </c>
      <c r="F30" s="8">
        <v>6.15</v>
      </c>
      <c r="G30" s="9">
        <v>14.69</v>
      </c>
      <c r="H30" s="16">
        <v>9.5399999999999991</v>
      </c>
      <c r="I30" s="17">
        <v>5.15</v>
      </c>
      <c r="J30" s="9">
        <v>0</v>
      </c>
      <c r="K30" s="16">
        <v>0</v>
      </c>
      <c r="L30" s="17">
        <v>0</v>
      </c>
      <c r="M30" s="9">
        <v>7.11</v>
      </c>
      <c r="N30" s="16">
        <v>6.11</v>
      </c>
      <c r="O30" s="17">
        <v>1</v>
      </c>
      <c r="P30" s="9">
        <v>0.55000000000000004</v>
      </c>
      <c r="Q30" s="16">
        <v>0.55000000000000004</v>
      </c>
      <c r="R30" s="17">
        <v>0</v>
      </c>
      <c r="S30" s="9">
        <v>2.37</v>
      </c>
      <c r="T30" s="16">
        <v>2.37</v>
      </c>
      <c r="U30" s="17">
        <v>0</v>
      </c>
      <c r="V30" s="9">
        <v>0.65</v>
      </c>
      <c r="W30" s="16">
        <v>0.65</v>
      </c>
      <c r="X30" s="17">
        <v>0</v>
      </c>
      <c r="Y30" s="9">
        <v>1</v>
      </c>
      <c r="Z30" s="16">
        <v>1</v>
      </c>
      <c r="AA30" s="17">
        <v>0</v>
      </c>
    </row>
    <row r="31" spans="1:27" s="12" customFormat="1" ht="11.25" x14ac:dyDescent="0.25">
      <c r="A31" s="142"/>
      <c r="B31" s="137"/>
      <c r="C31" s="13" t="s">
        <v>27</v>
      </c>
      <c r="D31" s="18">
        <v>0</v>
      </c>
      <c r="E31" s="7">
        <v>0</v>
      </c>
      <c r="F31" s="8">
        <v>0</v>
      </c>
      <c r="G31" s="9">
        <v>0</v>
      </c>
      <c r="H31" s="16">
        <v>0</v>
      </c>
      <c r="I31" s="17">
        <v>0</v>
      </c>
      <c r="J31" s="9">
        <v>0</v>
      </c>
      <c r="K31" s="16">
        <v>0</v>
      </c>
      <c r="L31" s="17">
        <v>0</v>
      </c>
      <c r="M31" s="9">
        <v>0</v>
      </c>
      <c r="N31" s="16">
        <v>0</v>
      </c>
      <c r="O31" s="17">
        <v>0</v>
      </c>
      <c r="P31" s="9">
        <v>0</v>
      </c>
      <c r="Q31" s="16">
        <v>0</v>
      </c>
      <c r="R31" s="17">
        <v>0</v>
      </c>
      <c r="S31" s="9">
        <v>0</v>
      </c>
      <c r="T31" s="16">
        <v>0</v>
      </c>
      <c r="U31" s="17">
        <v>0</v>
      </c>
      <c r="V31" s="9">
        <v>0</v>
      </c>
      <c r="W31" s="16">
        <v>0</v>
      </c>
      <c r="X31" s="17">
        <v>0</v>
      </c>
      <c r="Y31" s="9">
        <v>0</v>
      </c>
      <c r="Z31" s="16">
        <v>0</v>
      </c>
      <c r="AA31" s="17">
        <v>0</v>
      </c>
    </row>
    <row r="32" spans="1:27" s="12" customFormat="1" ht="11.25" x14ac:dyDescent="0.25">
      <c r="A32" s="142"/>
      <c r="B32" s="137"/>
      <c r="C32" s="15" t="s">
        <v>22</v>
      </c>
      <c r="D32" s="18">
        <v>11.559999999999999</v>
      </c>
      <c r="E32" s="7">
        <v>6.97</v>
      </c>
      <c r="F32" s="8">
        <v>4.59</v>
      </c>
      <c r="G32" s="9">
        <v>11.56</v>
      </c>
      <c r="H32" s="16">
        <v>6.97</v>
      </c>
      <c r="I32" s="17">
        <v>4.59</v>
      </c>
      <c r="J32" s="9">
        <v>0</v>
      </c>
      <c r="K32" s="16">
        <v>0</v>
      </c>
      <c r="L32" s="17">
        <v>0</v>
      </c>
      <c r="M32" s="9">
        <v>0</v>
      </c>
      <c r="N32" s="16">
        <v>0</v>
      </c>
      <c r="O32" s="17">
        <v>0</v>
      </c>
      <c r="P32" s="9">
        <v>0</v>
      </c>
      <c r="Q32" s="16">
        <v>0</v>
      </c>
      <c r="R32" s="17">
        <v>0</v>
      </c>
      <c r="S32" s="9">
        <v>0</v>
      </c>
      <c r="T32" s="16">
        <v>0</v>
      </c>
      <c r="U32" s="17">
        <v>0</v>
      </c>
      <c r="V32" s="9">
        <v>0</v>
      </c>
      <c r="W32" s="16">
        <v>0</v>
      </c>
      <c r="X32" s="17">
        <v>0</v>
      </c>
      <c r="Y32" s="9">
        <v>0</v>
      </c>
      <c r="Z32" s="16">
        <v>0</v>
      </c>
      <c r="AA32" s="17">
        <v>0</v>
      </c>
    </row>
    <row r="33" spans="1:27" s="12" customFormat="1" ht="11.25" x14ac:dyDescent="0.25">
      <c r="A33" s="142"/>
      <c r="B33" s="137"/>
      <c r="C33" s="13" t="s">
        <v>23</v>
      </c>
      <c r="D33" s="18">
        <v>12.43</v>
      </c>
      <c r="E33" s="7">
        <v>0</v>
      </c>
      <c r="F33" s="8">
        <v>12.43</v>
      </c>
      <c r="G33" s="9">
        <v>12.209999999999999</v>
      </c>
      <c r="H33" s="16">
        <v>0</v>
      </c>
      <c r="I33" s="17">
        <v>12.209999999999999</v>
      </c>
      <c r="J33" s="9">
        <v>0</v>
      </c>
      <c r="K33" s="16">
        <v>0</v>
      </c>
      <c r="L33" s="17">
        <v>0</v>
      </c>
      <c r="M33" s="9">
        <v>0</v>
      </c>
      <c r="N33" s="16">
        <v>0</v>
      </c>
      <c r="O33" s="17">
        <v>0</v>
      </c>
      <c r="P33" s="9">
        <v>0</v>
      </c>
      <c r="Q33" s="16">
        <v>0</v>
      </c>
      <c r="R33" s="17">
        <v>0</v>
      </c>
      <c r="S33" s="9">
        <v>0</v>
      </c>
      <c r="T33" s="16">
        <v>0</v>
      </c>
      <c r="U33" s="17">
        <v>0</v>
      </c>
      <c r="V33" s="9">
        <v>0</v>
      </c>
      <c r="W33" s="16">
        <v>0</v>
      </c>
      <c r="X33" s="17">
        <v>0</v>
      </c>
      <c r="Y33" s="9">
        <v>0.22</v>
      </c>
      <c r="Z33" s="16">
        <v>0</v>
      </c>
      <c r="AA33" s="17">
        <v>0.22</v>
      </c>
    </row>
    <row r="34" spans="1:27" s="12" customFormat="1" ht="11.25" x14ac:dyDescent="0.25">
      <c r="A34" s="142"/>
      <c r="B34" s="137"/>
      <c r="C34" s="13" t="s">
        <v>28</v>
      </c>
      <c r="D34" s="18">
        <v>0</v>
      </c>
      <c r="E34" s="7">
        <v>0</v>
      </c>
      <c r="F34" s="8">
        <v>0</v>
      </c>
      <c r="G34" s="9">
        <v>0</v>
      </c>
      <c r="H34" s="16">
        <v>0</v>
      </c>
      <c r="I34" s="17">
        <v>0</v>
      </c>
      <c r="J34" s="9">
        <v>0</v>
      </c>
      <c r="K34" s="16">
        <v>0</v>
      </c>
      <c r="L34" s="17">
        <v>0</v>
      </c>
      <c r="M34" s="9">
        <v>0</v>
      </c>
      <c r="N34" s="16">
        <v>0</v>
      </c>
      <c r="O34" s="17">
        <v>0</v>
      </c>
      <c r="P34" s="9">
        <v>0</v>
      </c>
      <c r="Q34" s="16">
        <v>0</v>
      </c>
      <c r="R34" s="17">
        <v>0</v>
      </c>
      <c r="S34" s="9">
        <v>0</v>
      </c>
      <c r="T34" s="16">
        <v>0</v>
      </c>
      <c r="U34" s="17">
        <v>0</v>
      </c>
      <c r="V34" s="9">
        <v>0</v>
      </c>
      <c r="W34" s="16">
        <v>0</v>
      </c>
      <c r="X34" s="17">
        <v>0</v>
      </c>
      <c r="Y34" s="9">
        <v>0</v>
      </c>
      <c r="Z34" s="16">
        <v>0</v>
      </c>
      <c r="AA34" s="17">
        <v>0</v>
      </c>
    </row>
    <row r="35" spans="1:27" s="12" customFormat="1" ht="11.25" x14ac:dyDescent="0.25">
      <c r="A35" s="142"/>
      <c r="B35" s="137"/>
      <c r="C35" s="15" t="s">
        <v>24</v>
      </c>
      <c r="D35" s="18">
        <v>15.46</v>
      </c>
      <c r="E35" s="7">
        <v>0</v>
      </c>
      <c r="F35" s="8">
        <v>15.46</v>
      </c>
      <c r="G35" s="9">
        <v>14.58</v>
      </c>
      <c r="H35" s="16">
        <v>0</v>
      </c>
      <c r="I35" s="17">
        <v>14.58</v>
      </c>
      <c r="J35" s="9">
        <v>0</v>
      </c>
      <c r="K35" s="16">
        <v>0</v>
      </c>
      <c r="L35" s="17">
        <v>0</v>
      </c>
      <c r="M35" s="9">
        <v>0.88</v>
      </c>
      <c r="N35" s="16">
        <v>0</v>
      </c>
      <c r="O35" s="17">
        <v>0.88</v>
      </c>
      <c r="P35" s="9">
        <v>0</v>
      </c>
      <c r="Q35" s="16">
        <v>0</v>
      </c>
      <c r="R35" s="17">
        <v>0</v>
      </c>
      <c r="S35" s="9">
        <v>0</v>
      </c>
      <c r="T35" s="16">
        <v>0</v>
      </c>
      <c r="U35" s="17">
        <v>0</v>
      </c>
      <c r="V35" s="9">
        <v>0</v>
      </c>
      <c r="W35" s="16">
        <v>0</v>
      </c>
      <c r="X35" s="17">
        <v>0</v>
      </c>
      <c r="Y35" s="9">
        <v>0</v>
      </c>
      <c r="Z35" s="16">
        <v>0</v>
      </c>
      <c r="AA35" s="17">
        <v>0</v>
      </c>
    </row>
    <row r="36" spans="1:27" s="12" customFormat="1" ht="11.25" x14ac:dyDescent="0.25">
      <c r="A36" s="142"/>
      <c r="B36" s="137"/>
      <c r="C36" s="5" t="s">
        <v>29</v>
      </c>
      <c r="D36" s="18">
        <v>0</v>
      </c>
      <c r="E36" s="7">
        <v>0</v>
      </c>
      <c r="F36" s="8">
        <v>0</v>
      </c>
      <c r="G36" s="9">
        <v>0</v>
      </c>
      <c r="H36" s="16">
        <v>0</v>
      </c>
      <c r="I36" s="17">
        <v>0</v>
      </c>
      <c r="J36" s="9">
        <v>0</v>
      </c>
      <c r="K36" s="16">
        <v>0</v>
      </c>
      <c r="L36" s="17">
        <v>0</v>
      </c>
      <c r="M36" s="9">
        <v>0</v>
      </c>
      <c r="N36" s="16">
        <v>0</v>
      </c>
      <c r="O36" s="17">
        <v>0</v>
      </c>
      <c r="P36" s="9">
        <v>0</v>
      </c>
      <c r="Q36" s="16">
        <v>0</v>
      </c>
      <c r="R36" s="17">
        <v>0</v>
      </c>
      <c r="S36" s="9">
        <v>0</v>
      </c>
      <c r="T36" s="16">
        <v>0</v>
      </c>
      <c r="U36" s="17">
        <v>0</v>
      </c>
      <c r="V36" s="9">
        <v>0</v>
      </c>
      <c r="W36" s="16">
        <v>0</v>
      </c>
      <c r="X36" s="17">
        <v>0</v>
      </c>
      <c r="Y36" s="9">
        <v>0</v>
      </c>
      <c r="Z36" s="16">
        <v>0</v>
      </c>
      <c r="AA36" s="17">
        <v>0</v>
      </c>
    </row>
    <row r="37" spans="1:27" s="12" customFormat="1" ht="11.25" x14ac:dyDescent="0.25">
      <c r="A37" s="142"/>
      <c r="B37" s="137"/>
      <c r="C37" s="5" t="s">
        <v>30</v>
      </c>
      <c r="D37" s="18">
        <v>0</v>
      </c>
      <c r="E37" s="7">
        <v>0</v>
      </c>
      <c r="F37" s="8">
        <v>0</v>
      </c>
      <c r="G37" s="9">
        <v>0</v>
      </c>
      <c r="H37" s="16">
        <v>0</v>
      </c>
      <c r="I37" s="17">
        <v>0</v>
      </c>
      <c r="J37" s="9">
        <v>0</v>
      </c>
      <c r="K37" s="16">
        <v>0</v>
      </c>
      <c r="L37" s="17">
        <v>0</v>
      </c>
      <c r="M37" s="9">
        <v>0</v>
      </c>
      <c r="N37" s="16">
        <v>0</v>
      </c>
      <c r="O37" s="17">
        <v>0</v>
      </c>
      <c r="P37" s="9">
        <v>0</v>
      </c>
      <c r="Q37" s="16">
        <v>0</v>
      </c>
      <c r="R37" s="17">
        <v>0</v>
      </c>
      <c r="S37" s="9">
        <v>0</v>
      </c>
      <c r="T37" s="16">
        <v>0</v>
      </c>
      <c r="U37" s="17">
        <v>0</v>
      </c>
      <c r="V37" s="9">
        <v>0</v>
      </c>
      <c r="W37" s="16">
        <v>0</v>
      </c>
      <c r="X37" s="17">
        <v>0</v>
      </c>
      <c r="Y37" s="9">
        <v>0</v>
      </c>
      <c r="Z37" s="16">
        <v>0</v>
      </c>
      <c r="AA37" s="17">
        <v>0</v>
      </c>
    </row>
    <row r="38" spans="1:27" s="12" customFormat="1" ht="11.25" x14ac:dyDescent="0.25">
      <c r="A38" s="142"/>
      <c r="B38" s="137"/>
      <c r="C38" s="13" t="s">
        <v>31</v>
      </c>
      <c r="D38" s="18">
        <v>2</v>
      </c>
      <c r="E38" s="7">
        <v>0</v>
      </c>
      <c r="F38" s="8">
        <v>2</v>
      </c>
      <c r="G38" s="9">
        <v>2</v>
      </c>
      <c r="H38" s="16">
        <v>0</v>
      </c>
      <c r="I38" s="17">
        <v>2</v>
      </c>
      <c r="J38" s="9">
        <v>0</v>
      </c>
      <c r="K38" s="16">
        <v>0</v>
      </c>
      <c r="L38" s="17">
        <v>0</v>
      </c>
      <c r="M38" s="9">
        <v>0</v>
      </c>
      <c r="N38" s="16">
        <v>0</v>
      </c>
      <c r="O38" s="17">
        <v>0</v>
      </c>
      <c r="P38" s="9">
        <v>0</v>
      </c>
      <c r="Q38" s="16">
        <v>0</v>
      </c>
      <c r="R38" s="17">
        <v>0</v>
      </c>
      <c r="S38" s="9">
        <v>0</v>
      </c>
      <c r="T38" s="16">
        <v>0</v>
      </c>
      <c r="U38" s="17">
        <v>0</v>
      </c>
      <c r="V38" s="9">
        <v>0</v>
      </c>
      <c r="W38" s="16">
        <v>0</v>
      </c>
      <c r="X38" s="17">
        <v>0</v>
      </c>
      <c r="Y38" s="9">
        <v>0</v>
      </c>
      <c r="Z38" s="16">
        <v>0</v>
      </c>
      <c r="AA38" s="17">
        <v>0</v>
      </c>
    </row>
    <row r="39" spans="1:27" s="12" customFormat="1" ht="19.5" x14ac:dyDescent="0.25">
      <c r="A39" s="142"/>
      <c r="B39" s="137"/>
      <c r="C39" s="13" t="s">
        <v>32</v>
      </c>
      <c r="D39" s="18">
        <v>8.9500000000000011</v>
      </c>
      <c r="E39" s="7">
        <v>8.9500000000000011</v>
      </c>
      <c r="F39" s="8">
        <v>0</v>
      </c>
      <c r="G39" s="9">
        <v>4.55</v>
      </c>
      <c r="H39" s="16">
        <v>4.55</v>
      </c>
      <c r="I39" s="17">
        <v>0</v>
      </c>
      <c r="J39" s="9">
        <v>0</v>
      </c>
      <c r="K39" s="16">
        <v>0</v>
      </c>
      <c r="L39" s="17">
        <v>0</v>
      </c>
      <c r="M39" s="9">
        <v>3.1</v>
      </c>
      <c r="N39" s="16">
        <v>3.1</v>
      </c>
      <c r="O39" s="17">
        <v>0</v>
      </c>
      <c r="P39" s="9">
        <v>0</v>
      </c>
      <c r="Q39" s="16">
        <v>0</v>
      </c>
      <c r="R39" s="17">
        <v>0</v>
      </c>
      <c r="S39" s="9">
        <v>1</v>
      </c>
      <c r="T39" s="16">
        <v>1</v>
      </c>
      <c r="U39" s="17">
        <v>0</v>
      </c>
      <c r="V39" s="9">
        <v>0.3</v>
      </c>
      <c r="W39" s="16">
        <v>0.3</v>
      </c>
      <c r="X39" s="17">
        <v>0</v>
      </c>
      <c r="Y39" s="9">
        <v>0</v>
      </c>
      <c r="Z39" s="16">
        <v>0</v>
      </c>
      <c r="AA39" s="17">
        <v>0</v>
      </c>
    </row>
    <row r="40" spans="1:27" s="12" customFormat="1" ht="19.5" x14ac:dyDescent="0.25">
      <c r="A40" s="142"/>
      <c r="B40" s="137"/>
      <c r="C40" s="13" t="s">
        <v>33</v>
      </c>
      <c r="D40" s="18">
        <v>0</v>
      </c>
      <c r="E40" s="7">
        <v>0</v>
      </c>
      <c r="F40" s="8">
        <v>0</v>
      </c>
      <c r="G40" s="9">
        <v>0</v>
      </c>
      <c r="H40" s="16">
        <v>0</v>
      </c>
      <c r="I40" s="17">
        <v>0</v>
      </c>
      <c r="J40" s="9">
        <v>0</v>
      </c>
      <c r="K40" s="16">
        <v>0</v>
      </c>
      <c r="L40" s="17">
        <v>0</v>
      </c>
      <c r="M40" s="9">
        <v>0</v>
      </c>
      <c r="N40" s="16">
        <v>0</v>
      </c>
      <c r="O40" s="17">
        <v>0</v>
      </c>
      <c r="P40" s="9">
        <v>0</v>
      </c>
      <c r="Q40" s="16">
        <v>0</v>
      </c>
      <c r="R40" s="17">
        <v>0</v>
      </c>
      <c r="S40" s="9">
        <v>0</v>
      </c>
      <c r="T40" s="16">
        <v>0</v>
      </c>
      <c r="U40" s="17">
        <v>0</v>
      </c>
      <c r="V40" s="9">
        <v>0</v>
      </c>
      <c r="W40" s="16">
        <v>0</v>
      </c>
      <c r="X40" s="17">
        <v>0</v>
      </c>
      <c r="Y40" s="9">
        <v>0</v>
      </c>
      <c r="Z40" s="16">
        <v>0</v>
      </c>
      <c r="AA40" s="17">
        <v>0</v>
      </c>
    </row>
    <row r="41" spans="1:27" s="12" customFormat="1" ht="19.5" x14ac:dyDescent="0.25">
      <c r="A41" s="142"/>
      <c r="B41" s="137"/>
      <c r="C41" s="13" t="s">
        <v>34</v>
      </c>
      <c r="D41" s="18">
        <v>46.56</v>
      </c>
      <c r="E41" s="7">
        <v>24.1</v>
      </c>
      <c r="F41" s="8">
        <v>22.46</v>
      </c>
      <c r="G41" s="9">
        <v>38.75</v>
      </c>
      <c r="H41" s="16">
        <v>17.830000000000002</v>
      </c>
      <c r="I41" s="17">
        <v>20.92</v>
      </c>
      <c r="J41" s="9">
        <v>3.4</v>
      </c>
      <c r="K41" s="16">
        <v>3.4</v>
      </c>
      <c r="L41" s="17">
        <v>0</v>
      </c>
      <c r="M41" s="9">
        <v>4.2300000000000004</v>
      </c>
      <c r="N41" s="16">
        <v>2.69</v>
      </c>
      <c r="O41" s="17">
        <v>1.54</v>
      </c>
      <c r="P41" s="9">
        <v>0</v>
      </c>
      <c r="Q41" s="16">
        <v>0</v>
      </c>
      <c r="R41" s="17">
        <v>0</v>
      </c>
      <c r="S41" s="9">
        <v>0.18</v>
      </c>
      <c r="T41" s="16">
        <v>0.18</v>
      </c>
      <c r="U41" s="17">
        <v>0</v>
      </c>
      <c r="V41" s="9">
        <v>0</v>
      </c>
      <c r="W41" s="16">
        <v>0</v>
      </c>
      <c r="X41" s="17">
        <v>0</v>
      </c>
      <c r="Y41" s="9">
        <v>0</v>
      </c>
      <c r="Z41" s="16">
        <v>0</v>
      </c>
      <c r="AA41" s="17">
        <v>0</v>
      </c>
    </row>
    <row r="42" spans="1:27" s="12" customFormat="1" ht="11.25" x14ac:dyDescent="0.25">
      <c r="A42" s="142"/>
      <c r="B42" s="137"/>
      <c r="C42" s="13" t="s">
        <v>35</v>
      </c>
      <c r="D42" s="18">
        <v>0</v>
      </c>
      <c r="E42" s="7">
        <v>0</v>
      </c>
      <c r="F42" s="8">
        <v>0</v>
      </c>
      <c r="G42" s="9">
        <v>0</v>
      </c>
      <c r="H42" s="16">
        <v>0</v>
      </c>
      <c r="I42" s="17">
        <v>0</v>
      </c>
      <c r="J42" s="9">
        <v>0</v>
      </c>
      <c r="K42" s="16">
        <v>0</v>
      </c>
      <c r="L42" s="17">
        <v>0</v>
      </c>
      <c r="M42" s="9">
        <v>0</v>
      </c>
      <c r="N42" s="16">
        <v>0</v>
      </c>
      <c r="O42" s="17">
        <v>0</v>
      </c>
      <c r="P42" s="9">
        <v>0</v>
      </c>
      <c r="Q42" s="16">
        <v>0</v>
      </c>
      <c r="R42" s="17">
        <v>0</v>
      </c>
      <c r="S42" s="9">
        <v>0</v>
      </c>
      <c r="T42" s="16">
        <v>0</v>
      </c>
      <c r="U42" s="17">
        <v>0</v>
      </c>
      <c r="V42" s="9">
        <v>0</v>
      </c>
      <c r="W42" s="16">
        <v>0</v>
      </c>
      <c r="X42" s="17">
        <v>0</v>
      </c>
      <c r="Y42" s="9">
        <v>0</v>
      </c>
      <c r="Z42" s="16">
        <v>0</v>
      </c>
      <c r="AA42" s="17">
        <v>0</v>
      </c>
    </row>
    <row r="43" spans="1:27" s="12" customFormat="1" ht="11.25" x14ac:dyDescent="0.25">
      <c r="A43" s="142"/>
      <c r="B43" s="137"/>
      <c r="C43" s="13" t="s">
        <v>36</v>
      </c>
      <c r="D43" s="18">
        <v>6.3100000000000014</v>
      </c>
      <c r="E43" s="7">
        <v>5.4800000000000013</v>
      </c>
      <c r="F43" s="8">
        <v>0.83</v>
      </c>
      <c r="G43" s="9">
        <v>2.39</v>
      </c>
      <c r="H43" s="16">
        <v>2.39</v>
      </c>
      <c r="I43" s="17">
        <v>0</v>
      </c>
      <c r="J43" s="9">
        <v>0</v>
      </c>
      <c r="K43" s="16">
        <v>0</v>
      </c>
      <c r="L43" s="17">
        <v>0</v>
      </c>
      <c r="M43" s="9">
        <v>2.04</v>
      </c>
      <c r="N43" s="16">
        <v>2.04</v>
      </c>
      <c r="O43" s="17">
        <v>0</v>
      </c>
      <c r="P43" s="9">
        <v>0</v>
      </c>
      <c r="Q43" s="16">
        <v>0</v>
      </c>
      <c r="R43" s="17">
        <v>0</v>
      </c>
      <c r="S43" s="9">
        <v>0.44</v>
      </c>
      <c r="T43" s="16">
        <v>0.44</v>
      </c>
      <c r="U43" s="17">
        <v>0</v>
      </c>
      <c r="V43" s="9">
        <v>0</v>
      </c>
      <c r="W43" s="16">
        <v>0</v>
      </c>
      <c r="X43" s="17">
        <v>0</v>
      </c>
      <c r="Y43" s="9">
        <v>1.44</v>
      </c>
      <c r="Z43" s="16">
        <v>0.61</v>
      </c>
      <c r="AA43" s="17">
        <v>0.83</v>
      </c>
    </row>
    <row r="44" spans="1:27" s="12" customFormat="1" ht="19.5" x14ac:dyDescent="0.25">
      <c r="A44" s="142"/>
      <c r="B44" s="137"/>
      <c r="C44" s="13" t="s">
        <v>37</v>
      </c>
      <c r="D44" s="18">
        <v>0</v>
      </c>
      <c r="E44" s="7">
        <v>0</v>
      </c>
      <c r="F44" s="8">
        <v>0</v>
      </c>
      <c r="G44" s="9">
        <v>0</v>
      </c>
      <c r="H44" s="16">
        <v>0</v>
      </c>
      <c r="I44" s="17">
        <v>0</v>
      </c>
      <c r="J44" s="9">
        <v>0</v>
      </c>
      <c r="K44" s="16">
        <v>0</v>
      </c>
      <c r="L44" s="17">
        <v>0</v>
      </c>
      <c r="M44" s="9">
        <v>0</v>
      </c>
      <c r="N44" s="16">
        <v>0</v>
      </c>
      <c r="O44" s="17">
        <v>0</v>
      </c>
      <c r="P44" s="9">
        <v>0</v>
      </c>
      <c r="Q44" s="16">
        <v>0</v>
      </c>
      <c r="R44" s="17">
        <v>0</v>
      </c>
      <c r="S44" s="9">
        <v>0</v>
      </c>
      <c r="T44" s="16">
        <v>0</v>
      </c>
      <c r="U44" s="17">
        <v>0</v>
      </c>
      <c r="V44" s="9">
        <v>0</v>
      </c>
      <c r="W44" s="16">
        <v>0</v>
      </c>
      <c r="X44" s="17">
        <v>0</v>
      </c>
      <c r="Y44" s="9">
        <v>0</v>
      </c>
      <c r="Z44" s="16">
        <v>0</v>
      </c>
      <c r="AA44" s="17">
        <v>0</v>
      </c>
    </row>
    <row r="45" spans="1:27" s="12" customFormat="1" ht="11.25" x14ac:dyDescent="0.25">
      <c r="A45" s="142"/>
      <c r="B45" s="137"/>
      <c r="C45" s="13" t="s">
        <v>38</v>
      </c>
      <c r="D45" s="18">
        <v>0.22</v>
      </c>
      <c r="E45" s="7">
        <v>0</v>
      </c>
      <c r="F45" s="8">
        <v>0.22</v>
      </c>
      <c r="G45" s="9">
        <v>0.22</v>
      </c>
      <c r="H45" s="16">
        <v>0</v>
      </c>
      <c r="I45" s="17">
        <v>0.22</v>
      </c>
      <c r="J45" s="9">
        <v>0</v>
      </c>
      <c r="K45" s="16">
        <v>0</v>
      </c>
      <c r="L45" s="17">
        <v>0</v>
      </c>
      <c r="M45" s="9">
        <v>0</v>
      </c>
      <c r="N45" s="16">
        <v>0</v>
      </c>
      <c r="O45" s="17">
        <v>0</v>
      </c>
      <c r="P45" s="9">
        <v>0</v>
      </c>
      <c r="Q45" s="16">
        <v>0</v>
      </c>
      <c r="R45" s="17">
        <v>0</v>
      </c>
      <c r="S45" s="9">
        <v>0</v>
      </c>
      <c r="T45" s="16">
        <v>0</v>
      </c>
      <c r="U45" s="17">
        <v>0</v>
      </c>
      <c r="V45" s="9">
        <v>0</v>
      </c>
      <c r="W45" s="16">
        <v>0</v>
      </c>
      <c r="X45" s="17">
        <v>0</v>
      </c>
      <c r="Y45" s="9">
        <v>0</v>
      </c>
      <c r="Z45" s="16">
        <v>0</v>
      </c>
      <c r="AA45" s="17">
        <v>0</v>
      </c>
    </row>
    <row r="46" spans="1:27" s="12" customFormat="1" ht="11.25" x14ac:dyDescent="0.25">
      <c r="A46" s="142"/>
      <c r="B46" s="137"/>
      <c r="C46" s="15" t="s">
        <v>39</v>
      </c>
      <c r="D46" s="18">
        <v>7</v>
      </c>
      <c r="E46" s="7">
        <v>5</v>
      </c>
      <c r="F46" s="8">
        <v>2</v>
      </c>
      <c r="G46" s="9">
        <v>7</v>
      </c>
      <c r="H46" s="16">
        <v>5</v>
      </c>
      <c r="I46" s="17">
        <v>2</v>
      </c>
      <c r="J46" s="9">
        <v>0</v>
      </c>
      <c r="K46" s="16">
        <v>0</v>
      </c>
      <c r="L46" s="17">
        <v>0</v>
      </c>
      <c r="M46" s="9">
        <v>0</v>
      </c>
      <c r="N46" s="16">
        <v>0</v>
      </c>
      <c r="O46" s="17">
        <v>0</v>
      </c>
      <c r="P46" s="9">
        <v>0</v>
      </c>
      <c r="Q46" s="16">
        <v>0</v>
      </c>
      <c r="R46" s="17">
        <v>0</v>
      </c>
      <c r="S46" s="9">
        <v>0</v>
      </c>
      <c r="T46" s="16">
        <v>0</v>
      </c>
      <c r="U46" s="17">
        <v>0</v>
      </c>
      <c r="V46" s="9">
        <v>0</v>
      </c>
      <c r="W46" s="16">
        <v>0</v>
      </c>
      <c r="X46" s="17">
        <v>0</v>
      </c>
      <c r="Y46" s="9">
        <v>0</v>
      </c>
      <c r="Z46" s="16">
        <v>0</v>
      </c>
      <c r="AA46" s="17">
        <v>0</v>
      </c>
    </row>
    <row r="47" spans="1:27" s="12" customFormat="1" ht="11.25" x14ac:dyDescent="0.25">
      <c r="A47" s="142"/>
      <c r="B47" s="137"/>
      <c r="C47" s="13" t="s">
        <v>40</v>
      </c>
      <c r="D47" s="18">
        <v>0</v>
      </c>
      <c r="E47" s="7">
        <v>0</v>
      </c>
      <c r="F47" s="8">
        <v>0</v>
      </c>
      <c r="G47" s="9">
        <v>0</v>
      </c>
      <c r="H47" s="16">
        <v>0</v>
      </c>
      <c r="I47" s="17">
        <v>0</v>
      </c>
      <c r="J47" s="9">
        <v>0</v>
      </c>
      <c r="K47" s="16">
        <v>0</v>
      </c>
      <c r="L47" s="17">
        <v>0</v>
      </c>
      <c r="M47" s="9">
        <v>0</v>
      </c>
      <c r="N47" s="16">
        <v>0</v>
      </c>
      <c r="O47" s="17">
        <v>0</v>
      </c>
      <c r="P47" s="9">
        <v>0</v>
      </c>
      <c r="Q47" s="16">
        <v>0</v>
      </c>
      <c r="R47" s="17">
        <v>0</v>
      </c>
      <c r="S47" s="9">
        <v>0</v>
      </c>
      <c r="T47" s="16">
        <v>0</v>
      </c>
      <c r="U47" s="17">
        <v>0</v>
      </c>
      <c r="V47" s="9">
        <v>0</v>
      </c>
      <c r="W47" s="16">
        <v>0</v>
      </c>
      <c r="X47" s="17">
        <v>0</v>
      </c>
      <c r="Y47" s="9">
        <v>0</v>
      </c>
      <c r="Z47" s="16">
        <v>0</v>
      </c>
      <c r="AA47" s="17">
        <v>0</v>
      </c>
    </row>
    <row r="48" spans="1:27" s="12" customFormat="1" ht="20.25" thickBot="1" x14ac:dyDescent="0.3">
      <c r="A48" s="142"/>
      <c r="B48" s="137"/>
      <c r="C48" s="15" t="s">
        <v>41</v>
      </c>
      <c r="D48" s="19">
        <v>2.8800000000000003</v>
      </c>
      <c r="E48" s="20">
        <v>0</v>
      </c>
      <c r="F48" s="21">
        <v>2.8800000000000003</v>
      </c>
      <c r="G48" s="22">
        <v>1.22</v>
      </c>
      <c r="H48" s="23">
        <v>0</v>
      </c>
      <c r="I48" s="24">
        <v>1.22</v>
      </c>
      <c r="J48" s="22">
        <v>0</v>
      </c>
      <c r="K48" s="23">
        <v>0</v>
      </c>
      <c r="L48" s="24">
        <v>0</v>
      </c>
      <c r="M48" s="22">
        <v>1.66</v>
      </c>
      <c r="N48" s="23">
        <v>0</v>
      </c>
      <c r="O48" s="24">
        <v>1.66</v>
      </c>
      <c r="P48" s="22">
        <v>0</v>
      </c>
      <c r="Q48" s="23">
        <v>0</v>
      </c>
      <c r="R48" s="24">
        <v>0</v>
      </c>
      <c r="S48" s="22">
        <v>0</v>
      </c>
      <c r="T48" s="23">
        <v>0</v>
      </c>
      <c r="U48" s="24">
        <v>0</v>
      </c>
      <c r="V48" s="22">
        <v>0</v>
      </c>
      <c r="W48" s="23">
        <v>0</v>
      </c>
      <c r="X48" s="24">
        <v>0</v>
      </c>
      <c r="Y48" s="22">
        <v>0</v>
      </c>
      <c r="Z48" s="23">
        <v>0</v>
      </c>
      <c r="AA48" s="24">
        <v>0</v>
      </c>
    </row>
    <row r="49" spans="1:27" s="12" customFormat="1" ht="12" thickBot="1" x14ac:dyDescent="0.3">
      <c r="A49" s="138" t="s">
        <v>42</v>
      </c>
      <c r="B49" s="139"/>
      <c r="C49" s="140"/>
      <c r="D49" s="25">
        <v>44353.971400000009</v>
      </c>
      <c r="E49" s="26">
        <v>21752.822200000006</v>
      </c>
      <c r="F49" s="26">
        <v>22601.1492</v>
      </c>
      <c r="G49" s="27">
        <v>38058.963700000008</v>
      </c>
      <c r="H49" s="28">
        <v>19375.3478</v>
      </c>
      <c r="I49" s="28">
        <v>18683.615900000004</v>
      </c>
      <c r="J49" s="27">
        <v>493.76000000000005</v>
      </c>
      <c r="K49" s="28">
        <v>181.37</v>
      </c>
      <c r="L49" s="28">
        <v>312.39000000000004</v>
      </c>
      <c r="M49" s="27">
        <v>4716.3455000000004</v>
      </c>
      <c r="N49" s="28">
        <v>1768.2943999999998</v>
      </c>
      <c r="O49" s="28">
        <v>2948.0511000000001</v>
      </c>
      <c r="P49" s="27">
        <v>518.56999999999994</v>
      </c>
      <c r="Q49" s="28">
        <v>249.92</v>
      </c>
      <c r="R49" s="28">
        <v>268.65000000000003</v>
      </c>
      <c r="S49" s="27">
        <v>304.08000000000004</v>
      </c>
      <c r="T49" s="28">
        <v>109.1</v>
      </c>
      <c r="U49" s="28">
        <v>194.98000000000005</v>
      </c>
      <c r="V49" s="27">
        <v>117.35999999999999</v>
      </c>
      <c r="W49" s="28">
        <v>18.43</v>
      </c>
      <c r="X49" s="28">
        <v>98.929999999999993</v>
      </c>
      <c r="Y49" s="27">
        <v>144.8922</v>
      </c>
      <c r="Z49" s="28">
        <v>50.36</v>
      </c>
      <c r="AA49" s="29">
        <v>94.532199999999989</v>
      </c>
    </row>
    <row r="50" spans="1:27" s="12" customFormat="1" ht="11.25" x14ac:dyDescent="0.25">
      <c r="A50" s="88">
        <v>3</v>
      </c>
      <c r="B50" s="89" t="s">
        <v>43</v>
      </c>
      <c r="C50" s="90" t="s">
        <v>44</v>
      </c>
      <c r="D50" s="38">
        <v>13678.624915277778</v>
      </c>
      <c r="E50" s="91">
        <v>8611.3126219444439</v>
      </c>
      <c r="F50" s="92">
        <v>5067.3122933333343</v>
      </c>
      <c r="G50" s="93">
        <v>12171.45429861111</v>
      </c>
      <c r="H50" s="39">
        <v>7833.2052986111112</v>
      </c>
      <c r="I50" s="40">
        <v>4338.2489999999998</v>
      </c>
      <c r="J50" s="93">
        <v>81.015899999999988</v>
      </c>
      <c r="K50" s="39">
        <v>39.405899999999995</v>
      </c>
      <c r="L50" s="40">
        <v>41.609999999999992</v>
      </c>
      <c r="M50" s="93">
        <v>1342.0651722222219</v>
      </c>
      <c r="N50" s="39">
        <v>685.52517888888872</v>
      </c>
      <c r="O50" s="40">
        <v>656.53999333333331</v>
      </c>
      <c r="P50" s="93">
        <v>54.07064444444444</v>
      </c>
      <c r="Q50" s="39">
        <v>42.650644444444438</v>
      </c>
      <c r="R50" s="40">
        <v>11.42</v>
      </c>
      <c r="S50" s="93">
        <v>14.932200000000002</v>
      </c>
      <c r="T50" s="39">
        <v>5.05</v>
      </c>
      <c r="U50" s="40">
        <v>9.882200000000001</v>
      </c>
      <c r="V50" s="93">
        <v>8.77</v>
      </c>
      <c r="W50" s="39">
        <v>2.76</v>
      </c>
      <c r="X50" s="40">
        <v>6.01</v>
      </c>
      <c r="Y50" s="93">
        <v>6.3167000000000009</v>
      </c>
      <c r="Z50" s="39">
        <v>2.7156000000000002</v>
      </c>
      <c r="AA50" s="40">
        <v>3.6011000000000002</v>
      </c>
    </row>
    <row r="51" spans="1:27" s="12" customFormat="1" ht="11.25" x14ac:dyDescent="0.25">
      <c r="A51" s="32">
        <v>4</v>
      </c>
      <c r="B51" s="33" t="s">
        <v>45</v>
      </c>
      <c r="C51" s="34" t="s">
        <v>44</v>
      </c>
      <c r="D51" s="18">
        <v>7.6800000000000006</v>
      </c>
      <c r="E51" s="7">
        <v>2.96</v>
      </c>
      <c r="F51" s="8">
        <v>4.7200000000000006</v>
      </c>
      <c r="G51" s="9">
        <v>4.2699999999999996</v>
      </c>
      <c r="H51" s="16">
        <v>1.77</v>
      </c>
      <c r="I51" s="17">
        <v>2.5</v>
      </c>
      <c r="J51" s="9">
        <v>0</v>
      </c>
      <c r="K51" s="16">
        <v>0</v>
      </c>
      <c r="L51" s="17">
        <v>0</v>
      </c>
      <c r="M51" s="9">
        <v>0</v>
      </c>
      <c r="N51" s="16">
        <v>0</v>
      </c>
      <c r="O51" s="17">
        <v>0</v>
      </c>
      <c r="P51" s="9">
        <v>0.69</v>
      </c>
      <c r="Q51" s="16">
        <v>0.69</v>
      </c>
      <c r="R51" s="17">
        <v>0</v>
      </c>
      <c r="S51" s="9">
        <v>2.72</v>
      </c>
      <c r="T51" s="16">
        <v>0.5</v>
      </c>
      <c r="U51" s="17">
        <v>2.2200000000000002</v>
      </c>
      <c r="V51" s="9">
        <v>0</v>
      </c>
      <c r="W51" s="16">
        <v>0</v>
      </c>
      <c r="X51" s="17">
        <v>0</v>
      </c>
      <c r="Y51" s="9">
        <v>0</v>
      </c>
      <c r="Z51" s="16">
        <v>0</v>
      </c>
      <c r="AA51" s="17">
        <v>0</v>
      </c>
    </row>
    <row r="52" spans="1:27" s="12" customFormat="1" ht="11.25" x14ac:dyDescent="0.25">
      <c r="A52" s="32">
        <v>5</v>
      </c>
      <c r="B52" s="33" t="s">
        <v>46</v>
      </c>
      <c r="C52" s="34" t="s">
        <v>44</v>
      </c>
      <c r="D52" s="18">
        <v>1.21</v>
      </c>
      <c r="E52" s="7">
        <v>0.22</v>
      </c>
      <c r="F52" s="8">
        <v>0.99</v>
      </c>
      <c r="G52" s="9">
        <v>0.66</v>
      </c>
      <c r="H52" s="16">
        <v>0</v>
      </c>
      <c r="I52" s="17">
        <v>0.66</v>
      </c>
      <c r="J52" s="9">
        <v>0</v>
      </c>
      <c r="K52" s="16">
        <v>0</v>
      </c>
      <c r="L52" s="17">
        <v>0</v>
      </c>
      <c r="M52" s="9">
        <v>0</v>
      </c>
      <c r="N52" s="16">
        <v>0</v>
      </c>
      <c r="O52" s="17">
        <v>0</v>
      </c>
      <c r="P52" s="9">
        <v>0.22</v>
      </c>
      <c r="Q52" s="16">
        <v>0.22</v>
      </c>
      <c r="R52" s="17">
        <v>0</v>
      </c>
      <c r="S52" s="9">
        <v>0</v>
      </c>
      <c r="T52" s="16">
        <v>0</v>
      </c>
      <c r="U52" s="17">
        <v>0</v>
      </c>
      <c r="V52" s="9">
        <v>0</v>
      </c>
      <c r="W52" s="16">
        <v>0</v>
      </c>
      <c r="X52" s="17">
        <v>0</v>
      </c>
      <c r="Y52" s="9">
        <v>0.33</v>
      </c>
      <c r="Z52" s="16">
        <v>0</v>
      </c>
      <c r="AA52" s="17">
        <v>0.33</v>
      </c>
    </row>
    <row r="53" spans="1:27" s="12" customFormat="1" ht="11.25" x14ac:dyDescent="0.25">
      <c r="A53" s="32">
        <v>6</v>
      </c>
      <c r="B53" s="33" t="s">
        <v>47</v>
      </c>
      <c r="C53" s="34" t="s">
        <v>44</v>
      </c>
      <c r="D53" s="18">
        <v>4.82</v>
      </c>
      <c r="E53" s="7">
        <v>0</v>
      </c>
      <c r="F53" s="8">
        <v>4.82</v>
      </c>
      <c r="G53" s="9">
        <v>4.82</v>
      </c>
      <c r="H53" s="16">
        <v>0</v>
      </c>
      <c r="I53" s="17">
        <v>4.82</v>
      </c>
      <c r="J53" s="9">
        <v>0</v>
      </c>
      <c r="K53" s="16">
        <v>0</v>
      </c>
      <c r="L53" s="17">
        <v>0</v>
      </c>
      <c r="M53" s="9">
        <v>0</v>
      </c>
      <c r="N53" s="16">
        <v>0</v>
      </c>
      <c r="O53" s="17">
        <v>0</v>
      </c>
      <c r="P53" s="9">
        <v>0</v>
      </c>
      <c r="Q53" s="16">
        <v>0</v>
      </c>
      <c r="R53" s="17">
        <v>0</v>
      </c>
      <c r="S53" s="9">
        <v>0</v>
      </c>
      <c r="T53" s="16">
        <v>0</v>
      </c>
      <c r="U53" s="17">
        <v>0</v>
      </c>
      <c r="V53" s="9">
        <v>0</v>
      </c>
      <c r="W53" s="16">
        <v>0</v>
      </c>
      <c r="X53" s="17">
        <v>0</v>
      </c>
      <c r="Y53" s="9">
        <v>0</v>
      </c>
      <c r="Z53" s="16">
        <v>0</v>
      </c>
      <c r="AA53" s="17">
        <v>0</v>
      </c>
    </row>
    <row r="54" spans="1:27" s="12" customFormat="1" ht="11.25" x14ac:dyDescent="0.25">
      <c r="A54" s="32">
        <v>7</v>
      </c>
      <c r="B54" s="33" t="s">
        <v>48</v>
      </c>
      <c r="C54" s="34" t="s">
        <v>44</v>
      </c>
      <c r="D54" s="18">
        <v>89.352199999999996</v>
      </c>
      <c r="E54" s="7">
        <v>85.472200000000001</v>
      </c>
      <c r="F54" s="8">
        <v>3.8800000000000003</v>
      </c>
      <c r="G54" s="9">
        <v>74.64</v>
      </c>
      <c r="H54" s="16">
        <v>74.42</v>
      </c>
      <c r="I54" s="17">
        <v>0.22</v>
      </c>
      <c r="J54" s="9">
        <v>3</v>
      </c>
      <c r="K54" s="16">
        <v>3</v>
      </c>
      <c r="L54" s="17">
        <v>0</v>
      </c>
      <c r="M54" s="9">
        <v>8.32</v>
      </c>
      <c r="N54" s="16">
        <v>5.55</v>
      </c>
      <c r="O54" s="17">
        <v>2.77</v>
      </c>
      <c r="P54" s="9">
        <v>1.9521999999999999</v>
      </c>
      <c r="Q54" s="16">
        <v>1.9521999999999999</v>
      </c>
      <c r="R54" s="17">
        <v>0</v>
      </c>
      <c r="S54" s="9">
        <v>1</v>
      </c>
      <c r="T54" s="16">
        <v>0.11</v>
      </c>
      <c r="U54" s="17">
        <v>0.89</v>
      </c>
      <c r="V54" s="9">
        <v>0.44</v>
      </c>
      <c r="W54" s="16">
        <v>0.44</v>
      </c>
      <c r="X54" s="17">
        <v>0</v>
      </c>
      <c r="Y54" s="9">
        <v>0</v>
      </c>
      <c r="Z54" s="16">
        <v>0</v>
      </c>
      <c r="AA54" s="17">
        <v>0</v>
      </c>
    </row>
    <row r="55" spans="1:27" s="12" customFormat="1" ht="11.25" x14ac:dyDescent="0.25">
      <c r="A55" s="32">
        <v>8</v>
      </c>
      <c r="B55" s="33" t="s">
        <v>49</v>
      </c>
      <c r="C55" s="34" t="s">
        <v>44</v>
      </c>
      <c r="D55" s="18">
        <v>749.53149999999982</v>
      </c>
      <c r="E55" s="7">
        <v>426.60549999999995</v>
      </c>
      <c r="F55" s="8">
        <v>322.92599999999993</v>
      </c>
      <c r="G55" s="9">
        <v>592.28549999999996</v>
      </c>
      <c r="H55" s="16">
        <v>362.87419999999997</v>
      </c>
      <c r="I55" s="17">
        <v>229.41129999999998</v>
      </c>
      <c r="J55" s="9">
        <v>9.84</v>
      </c>
      <c r="K55" s="16">
        <v>6.4</v>
      </c>
      <c r="L55" s="17">
        <v>3.4400000000000004</v>
      </c>
      <c r="M55" s="9">
        <v>119.83709999999999</v>
      </c>
      <c r="N55" s="16">
        <v>48.174599999999998</v>
      </c>
      <c r="O55" s="17">
        <v>71.662499999999994</v>
      </c>
      <c r="P55" s="9">
        <v>8.976700000000001</v>
      </c>
      <c r="Q55" s="16">
        <v>5.8467000000000002</v>
      </c>
      <c r="R55" s="17">
        <v>3.13</v>
      </c>
      <c r="S55" s="9">
        <v>10.332200000000002</v>
      </c>
      <c r="T55" s="16">
        <v>2.64</v>
      </c>
      <c r="U55" s="17">
        <v>7.6922000000000015</v>
      </c>
      <c r="V55" s="9">
        <v>0.44</v>
      </c>
      <c r="W55" s="16">
        <v>0</v>
      </c>
      <c r="X55" s="17">
        <v>0.44</v>
      </c>
      <c r="Y55" s="9">
        <v>7.82</v>
      </c>
      <c r="Z55" s="16">
        <v>0.67</v>
      </c>
      <c r="AA55" s="17">
        <v>7.15</v>
      </c>
    </row>
    <row r="56" spans="1:27" s="12" customFormat="1" ht="11.25" x14ac:dyDescent="0.25">
      <c r="A56" s="32">
        <v>9</v>
      </c>
      <c r="B56" s="33" t="s">
        <v>50</v>
      </c>
      <c r="C56" s="34" t="s">
        <v>44</v>
      </c>
      <c r="D56" s="18">
        <v>6.96</v>
      </c>
      <c r="E56" s="7">
        <v>2</v>
      </c>
      <c r="F56" s="8">
        <v>4.96</v>
      </c>
      <c r="G56" s="9">
        <v>3.07</v>
      </c>
      <c r="H56" s="16">
        <v>0</v>
      </c>
      <c r="I56" s="17">
        <v>3.07</v>
      </c>
      <c r="J56" s="9">
        <v>0</v>
      </c>
      <c r="K56" s="16">
        <v>0</v>
      </c>
      <c r="L56" s="17">
        <v>0</v>
      </c>
      <c r="M56" s="9">
        <v>3.67</v>
      </c>
      <c r="N56" s="16">
        <v>2</v>
      </c>
      <c r="O56" s="17">
        <v>1.67</v>
      </c>
      <c r="P56" s="9">
        <v>0.22</v>
      </c>
      <c r="Q56" s="16">
        <v>0</v>
      </c>
      <c r="R56" s="17">
        <v>0.22</v>
      </c>
      <c r="S56" s="9">
        <v>0</v>
      </c>
      <c r="T56" s="16">
        <v>0</v>
      </c>
      <c r="U56" s="17">
        <v>0</v>
      </c>
      <c r="V56" s="9">
        <v>0</v>
      </c>
      <c r="W56" s="16">
        <v>0</v>
      </c>
      <c r="X56" s="17">
        <v>0</v>
      </c>
      <c r="Y56" s="9">
        <v>0</v>
      </c>
      <c r="Z56" s="16">
        <v>0</v>
      </c>
      <c r="AA56" s="17">
        <v>0</v>
      </c>
    </row>
    <row r="57" spans="1:27" s="12" customFormat="1" ht="11.25" x14ac:dyDescent="0.25">
      <c r="A57" s="32">
        <v>10</v>
      </c>
      <c r="B57" s="33" t="s">
        <v>51</v>
      </c>
      <c r="C57" s="34" t="s">
        <v>44</v>
      </c>
      <c r="D57" s="18">
        <v>186.79430000000002</v>
      </c>
      <c r="E57" s="7">
        <v>73.756699999999995</v>
      </c>
      <c r="F57" s="8">
        <v>113.03760000000001</v>
      </c>
      <c r="G57" s="9">
        <v>45.932200000000002</v>
      </c>
      <c r="H57" s="16">
        <v>15</v>
      </c>
      <c r="I57" s="17">
        <v>30.932200000000002</v>
      </c>
      <c r="J57" s="9">
        <v>1.33</v>
      </c>
      <c r="K57" s="16">
        <v>0.89</v>
      </c>
      <c r="L57" s="17">
        <v>0.44</v>
      </c>
      <c r="M57" s="9">
        <v>40.15</v>
      </c>
      <c r="N57" s="16">
        <v>19.010000000000002</v>
      </c>
      <c r="O57" s="17">
        <v>21.139999999999997</v>
      </c>
      <c r="P57" s="9">
        <v>8.4499999999999993</v>
      </c>
      <c r="Q57" s="16">
        <v>6.07</v>
      </c>
      <c r="R57" s="17">
        <v>2.38</v>
      </c>
      <c r="S57" s="9">
        <v>42.877699999999997</v>
      </c>
      <c r="T57" s="16">
        <v>15.326700000000001</v>
      </c>
      <c r="U57" s="17">
        <v>27.550999999999998</v>
      </c>
      <c r="V57" s="9">
        <v>7.29</v>
      </c>
      <c r="W57" s="16">
        <v>3.0300000000000002</v>
      </c>
      <c r="X57" s="17">
        <v>4.26</v>
      </c>
      <c r="Y57" s="9">
        <v>40.764399999999995</v>
      </c>
      <c r="Z57" s="16">
        <v>14.43</v>
      </c>
      <c r="AA57" s="17">
        <v>26.334399999999999</v>
      </c>
    </row>
    <row r="58" spans="1:27" s="12" customFormat="1" ht="11.25" x14ac:dyDescent="0.25">
      <c r="A58" s="32">
        <v>11</v>
      </c>
      <c r="B58" s="33" t="s">
        <v>52</v>
      </c>
      <c r="C58" s="34" t="s">
        <v>44</v>
      </c>
      <c r="D58" s="18">
        <v>17.47</v>
      </c>
      <c r="E58" s="7">
        <v>11.32</v>
      </c>
      <c r="F58" s="8">
        <v>6.1499999999999995</v>
      </c>
      <c r="G58" s="9">
        <v>7.6</v>
      </c>
      <c r="H58" s="16">
        <v>4.1099999999999994</v>
      </c>
      <c r="I58" s="17">
        <v>3.4899999999999998</v>
      </c>
      <c r="J58" s="9">
        <v>0</v>
      </c>
      <c r="K58" s="16">
        <v>0</v>
      </c>
      <c r="L58" s="17">
        <v>0</v>
      </c>
      <c r="M58" s="9">
        <v>3.2300000000000004</v>
      </c>
      <c r="N58" s="16">
        <v>3.01</v>
      </c>
      <c r="O58" s="17">
        <v>0.22</v>
      </c>
      <c r="P58" s="9">
        <v>2.1</v>
      </c>
      <c r="Q58" s="16">
        <v>1.43</v>
      </c>
      <c r="R58" s="17">
        <v>0.67</v>
      </c>
      <c r="S58" s="9">
        <v>2.99</v>
      </c>
      <c r="T58" s="16">
        <v>1.44</v>
      </c>
      <c r="U58" s="17">
        <v>1.55</v>
      </c>
      <c r="V58" s="9">
        <v>0</v>
      </c>
      <c r="W58" s="16">
        <v>0</v>
      </c>
      <c r="X58" s="17">
        <v>0</v>
      </c>
      <c r="Y58" s="9">
        <v>1.55</v>
      </c>
      <c r="Z58" s="16">
        <v>1.33</v>
      </c>
      <c r="AA58" s="17">
        <v>0.22</v>
      </c>
    </row>
    <row r="59" spans="1:27" s="12" customFormat="1" ht="11.25" x14ac:dyDescent="0.25">
      <c r="A59" s="32">
        <v>12</v>
      </c>
      <c r="B59" s="33" t="s">
        <v>53</v>
      </c>
      <c r="C59" s="34" t="s">
        <v>44</v>
      </c>
      <c r="D59" s="18">
        <v>8.26</v>
      </c>
      <c r="E59" s="7">
        <v>3.39</v>
      </c>
      <c r="F59" s="8">
        <v>4.87</v>
      </c>
      <c r="G59" s="9">
        <v>7.05</v>
      </c>
      <c r="H59" s="16">
        <v>3.06</v>
      </c>
      <c r="I59" s="17">
        <v>3.9899999999999998</v>
      </c>
      <c r="J59" s="9">
        <v>0</v>
      </c>
      <c r="K59" s="16">
        <v>0</v>
      </c>
      <c r="L59" s="17">
        <v>0</v>
      </c>
      <c r="M59" s="9">
        <v>0.33</v>
      </c>
      <c r="N59" s="16">
        <v>0.33</v>
      </c>
      <c r="O59" s="17">
        <v>0</v>
      </c>
      <c r="P59" s="9">
        <v>0</v>
      </c>
      <c r="Q59" s="16">
        <v>0</v>
      </c>
      <c r="R59" s="17">
        <v>0</v>
      </c>
      <c r="S59" s="9">
        <v>0.88</v>
      </c>
      <c r="T59" s="16">
        <v>0</v>
      </c>
      <c r="U59" s="17">
        <v>0.88</v>
      </c>
      <c r="V59" s="9">
        <v>0</v>
      </c>
      <c r="W59" s="16">
        <v>0</v>
      </c>
      <c r="X59" s="17">
        <v>0</v>
      </c>
      <c r="Y59" s="9">
        <v>0</v>
      </c>
      <c r="Z59" s="16">
        <v>0</v>
      </c>
      <c r="AA59" s="17">
        <v>0</v>
      </c>
    </row>
    <row r="60" spans="1:27" s="12" customFormat="1" ht="11.25" x14ac:dyDescent="0.25">
      <c r="A60" s="32">
        <v>13</v>
      </c>
      <c r="B60" s="33" t="s">
        <v>54</v>
      </c>
      <c r="C60" s="34" t="s">
        <v>44</v>
      </c>
      <c r="D60" s="18">
        <v>8.6900000000000013</v>
      </c>
      <c r="E60" s="7">
        <v>4.55</v>
      </c>
      <c r="F60" s="8">
        <v>4.1400000000000006</v>
      </c>
      <c r="G60" s="9">
        <v>3.8899999999999997</v>
      </c>
      <c r="H60" s="16">
        <v>1.8900000000000001</v>
      </c>
      <c r="I60" s="17">
        <v>2</v>
      </c>
      <c r="J60" s="9">
        <v>0</v>
      </c>
      <c r="K60" s="16">
        <v>0</v>
      </c>
      <c r="L60" s="17">
        <v>0</v>
      </c>
      <c r="M60" s="9">
        <v>2.48</v>
      </c>
      <c r="N60" s="16">
        <v>1.1599999999999999</v>
      </c>
      <c r="O60" s="17">
        <v>1.32</v>
      </c>
      <c r="P60" s="9">
        <v>1.6</v>
      </c>
      <c r="Q60" s="16">
        <v>0.78</v>
      </c>
      <c r="R60" s="17">
        <v>0.82000000000000006</v>
      </c>
      <c r="S60" s="9">
        <v>0.72</v>
      </c>
      <c r="T60" s="16">
        <v>0.72</v>
      </c>
      <c r="U60" s="17">
        <v>0</v>
      </c>
      <c r="V60" s="9">
        <v>0</v>
      </c>
      <c r="W60" s="16">
        <v>0</v>
      </c>
      <c r="X60" s="17">
        <v>0</v>
      </c>
      <c r="Y60" s="9">
        <v>0</v>
      </c>
      <c r="Z60" s="16">
        <v>0</v>
      </c>
      <c r="AA60" s="17">
        <v>0</v>
      </c>
    </row>
    <row r="61" spans="1:27" s="12" customFormat="1" ht="11.25" x14ac:dyDescent="0.25">
      <c r="A61" s="32">
        <v>14</v>
      </c>
      <c r="B61" s="33" t="s">
        <v>55</v>
      </c>
      <c r="C61" s="34" t="s">
        <v>44</v>
      </c>
      <c r="D61" s="18">
        <v>37.739999999999995</v>
      </c>
      <c r="E61" s="7">
        <v>25.43</v>
      </c>
      <c r="F61" s="8">
        <v>12.309999999999999</v>
      </c>
      <c r="G61" s="9">
        <v>20.66</v>
      </c>
      <c r="H61" s="16">
        <v>17.27</v>
      </c>
      <c r="I61" s="17">
        <v>3.39</v>
      </c>
      <c r="J61" s="9">
        <v>0</v>
      </c>
      <c r="K61" s="16">
        <v>0</v>
      </c>
      <c r="L61" s="17">
        <v>0</v>
      </c>
      <c r="M61" s="9">
        <v>9.16</v>
      </c>
      <c r="N61" s="16">
        <v>6.83</v>
      </c>
      <c r="O61" s="17">
        <v>2.3299999999999996</v>
      </c>
      <c r="P61" s="9">
        <v>0.44</v>
      </c>
      <c r="Q61" s="16">
        <v>0.44</v>
      </c>
      <c r="R61" s="17">
        <v>0</v>
      </c>
      <c r="S61" s="9">
        <v>3.32</v>
      </c>
      <c r="T61" s="16">
        <v>0.11</v>
      </c>
      <c r="U61" s="17">
        <v>3.21</v>
      </c>
      <c r="V61" s="9">
        <v>0.56000000000000005</v>
      </c>
      <c r="W61" s="16">
        <v>0.56000000000000005</v>
      </c>
      <c r="X61" s="17">
        <v>0</v>
      </c>
      <c r="Y61" s="9">
        <v>3.6</v>
      </c>
      <c r="Z61" s="16">
        <v>0.22</v>
      </c>
      <c r="AA61" s="17">
        <v>3.38</v>
      </c>
    </row>
    <row r="62" spans="1:27" s="12" customFormat="1" ht="11.25" x14ac:dyDescent="0.25">
      <c r="A62" s="32">
        <v>15</v>
      </c>
      <c r="B62" s="33" t="s">
        <v>56</v>
      </c>
      <c r="C62" s="34" t="s">
        <v>44</v>
      </c>
      <c r="D62" s="18">
        <v>77.533299999999997</v>
      </c>
      <c r="E62" s="7">
        <v>9.8033000000000001</v>
      </c>
      <c r="F62" s="8">
        <v>67.73</v>
      </c>
      <c r="G62" s="9">
        <v>59.583300000000001</v>
      </c>
      <c r="H62" s="16">
        <v>8.1532999999999998</v>
      </c>
      <c r="I62" s="17">
        <v>51.430000000000007</v>
      </c>
      <c r="J62" s="9">
        <v>0</v>
      </c>
      <c r="K62" s="16">
        <v>0</v>
      </c>
      <c r="L62" s="17">
        <v>0</v>
      </c>
      <c r="M62" s="9">
        <v>8.8699999999999992</v>
      </c>
      <c r="N62" s="16">
        <v>0.66</v>
      </c>
      <c r="O62" s="17">
        <v>8.2099999999999991</v>
      </c>
      <c r="P62" s="9">
        <v>0.17</v>
      </c>
      <c r="Q62" s="16">
        <v>0</v>
      </c>
      <c r="R62" s="17">
        <v>0.17</v>
      </c>
      <c r="S62" s="9">
        <v>4.3199999999999994</v>
      </c>
      <c r="T62" s="16">
        <v>0.99</v>
      </c>
      <c r="U62" s="17">
        <v>3.3299999999999996</v>
      </c>
      <c r="V62" s="9">
        <v>0</v>
      </c>
      <c r="W62" s="16">
        <v>0</v>
      </c>
      <c r="X62" s="17">
        <v>0</v>
      </c>
      <c r="Y62" s="9">
        <v>4.5900000000000007</v>
      </c>
      <c r="Z62" s="16">
        <v>0</v>
      </c>
      <c r="AA62" s="17">
        <v>4.5900000000000007</v>
      </c>
    </row>
    <row r="63" spans="1:27" s="12" customFormat="1" ht="11.25" x14ac:dyDescent="0.25">
      <c r="A63" s="32">
        <v>16</v>
      </c>
      <c r="B63" s="33" t="s">
        <v>57</v>
      </c>
      <c r="C63" s="34" t="s">
        <v>44</v>
      </c>
      <c r="D63" s="18">
        <v>764.03814444444447</v>
      </c>
      <c r="E63" s="7">
        <v>452.91805555555561</v>
      </c>
      <c r="F63" s="8">
        <v>311.12008888888892</v>
      </c>
      <c r="G63" s="9">
        <v>526.88855555555551</v>
      </c>
      <c r="H63" s="16">
        <v>321.81996666666663</v>
      </c>
      <c r="I63" s="17">
        <v>205.06858888888891</v>
      </c>
      <c r="J63" s="9">
        <v>9.5327999999999999</v>
      </c>
      <c r="K63" s="16">
        <v>7.567800000000001</v>
      </c>
      <c r="L63" s="17">
        <v>1.9650000000000003</v>
      </c>
      <c r="M63" s="9">
        <v>177.56938888888885</v>
      </c>
      <c r="N63" s="16">
        <v>86.064044444444448</v>
      </c>
      <c r="O63" s="17">
        <v>91.505344444444432</v>
      </c>
      <c r="P63" s="9">
        <v>22.81646666666667</v>
      </c>
      <c r="Q63" s="16">
        <v>19.936466666666668</v>
      </c>
      <c r="R63" s="17">
        <v>2.88</v>
      </c>
      <c r="S63" s="9">
        <v>23.775333333333332</v>
      </c>
      <c r="T63" s="16">
        <v>15.839777777777778</v>
      </c>
      <c r="U63" s="17">
        <v>7.9355555555555553</v>
      </c>
      <c r="V63" s="9">
        <v>0.15560000000000002</v>
      </c>
      <c r="W63" s="16">
        <v>0.05</v>
      </c>
      <c r="X63" s="17">
        <v>0.1056</v>
      </c>
      <c r="Y63" s="9">
        <v>3.3000000000000003</v>
      </c>
      <c r="Z63" s="16">
        <v>1.6400000000000001</v>
      </c>
      <c r="AA63" s="17">
        <v>1.6600000000000001</v>
      </c>
    </row>
    <row r="64" spans="1:27" s="12" customFormat="1" ht="11.25" x14ac:dyDescent="0.25">
      <c r="A64" s="32">
        <v>17</v>
      </c>
      <c r="B64" s="33" t="s">
        <v>58</v>
      </c>
      <c r="C64" s="34" t="s">
        <v>44</v>
      </c>
      <c r="D64" s="18">
        <v>7.1510444444444445</v>
      </c>
      <c r="E64" s="7">
        <v>6.5910444444444449</v>
      </c>
      <c r="F64" s="8">
        <v>0.56000000000000005</v>
      </c>
      <c r="G64" s="9">
        <v>3.8866000000000005</v>
      </c>
      <c r="H64" s="16">
        <v>3.6665999999999999</v>
      </c>
      <c r="I64" s="17">
        <v>0.22</v>
      </c>
      <c r="J64" s="9">
        <v>0.22</v>
      </c>
      <c r="K64" s="16">
        <v>0.22</v>
      </c>
      <c r="L64" s="17">
        <v>0</v>
      </c>
      <c r="M64" s="9">
        <v>1.4444444444444444</v>
      </c>
      <c r="N64" s="16">
        <v>1.3844444444444444</v>
      </c>
      <c r="O64" s="17">
        <v>0.06</v>
      </c>
      <c r="P64" s="9">
        <v>1.32</v>
      </c>
      <c r="Q64" s="16">
        <v>1.1000000000000001</v>
      </c>
      <c r="R64" s="17">
        <v>0.22</v>
      </c>
      <c r="S64" s="9">
        <v>0.06</v>
      </c>
      <c r="T64" s="16">
        <v>0</v>
      </c>
      <c r="U64" s="17">
        <v>0.06</v>
      </c>
      <c r="V64" s="9">
        <v>0.22</v>
      </c>
      <c r="W64" s="16">
        <v>0.22</v>
      </c>
      <c r="X64" s="17">
        <v>0</v>
      </c>
      <c r="Y64" s="9">
        <v>0</v>
      </c>
      <c r="Z64" s="16">
        <v>0</v>
      </c>
      <c r="AA64" s="17">
        <v>0</v>
      </c>
    </row>
    <row r="65" spans="1:27" s="12" customFormat="1" ht="11.25" x14ac:dyDescent="0.25">
      <c r="A65" s="32">
        <v>18</v>
      </c>
      <c r="B65" s="33" t="s">
        <v>59</v>
      </c>
      <c r="C65" s="34" t="s">
        <v>44</v>
      </c>
      <c r="D65" s="18">
        <v>7.1898000000000009</v>
      </c>
      <c r="E65" s="7">
        <v>5.3100000000000005</v>
      </c>
      <c r="F65" s="8">
        <v>1.8798000000000001</v>
      </c>
      <c r="G65" s="9">
        <v>3.5500000000000007</v>
      </c>
      <c r="H65" s="16">
        <v>2.3800000000000003</v>
      </c>
      <c r="I65" s="17">
        <v>1.1700000000000002</v>
      </c>
      <c r="J65" s="9">
        <v>0</v>
      </c>
      <c r="K65" s="16">
        <v>0</v>
      </c>
      <c r="L65" s="17">
        <v>0</v>
      </c>
      <c r="M65" s="9">
        <v>1.0497999999999998</v>
      </c>
      <c r="N65" s="16">
        <v>0.78</v>
      </c>
      <c r="O65" s="17">
        <v>0.26980000000000004</v>
      </c>
      <c r="P65" s="9">
        <v>0</v>
      </c>
      <c r="Q65" s="16">
        <v>0</v>
      </c>
      <c r="R65" s="17">
        <v>0</v>
      </c>
      <c r="S65" s="9">
        <v>0.77</v>
      </c>
      <c r="T65" s="16">
        <v>0.77</v>
      </c>
      <c r="U65" s="17">
        <v>0</v>
      </c>
      <c r="V65" s="9">
        <v>0.27</v>
      </c>
      <c r="W65" s="16">
        <v>0.27</v>
      </c>
      <c r="X65" s="17">
        <v>0</v>
      </c>
      <c r="Y65" s="9">
        <v>1.55</v>
      </c>
      <c r="Z65" s="16">
        <v>1.1100000000000001</v>
      </c>
      <c r="AA65" s="17">
        <v>0.44</v>
      </c>
    </row>
    <row r="66" spans="1:27" s="12" customFormat="1" ht="11.25" x14ac:dyDescent="0.25">
      <c r="A66" s="32">
        <v>19</v>
      </c>
      <c r="B66" s="33" t="s">
        <v>60</v>
      </c>
      <c r="C66" s="34" t="s">
        <v>44</v>
      </c>
      <c r="D66" s="18">
        <v>2.21</v>
      </c>
      <c r="E66" s="7">
        <v>2.21</v>
      </c>
      <c r="F66" s="8">
        <v>0</v>
      </c>
      <c r="G66" s="9">
        <v>2.21</v>
      </c>
      <c r="H66" s="16">
        <v>2.21</v>
      </c>
      <c r="I66" s="17">
        <v>0</v>
      </c>
      <c r="J66" s="9">
        <v>0</v>
      </c>
      <c r="K66" s="16">
        <v>0</v>
      </c>
      <c r="L66" s="17">
        <v>0</v>
      </c>
      <c r="M66" s="9">
        <v>0</v>
      </c>
      <c r="N66" s="16">
        <v>0</v>
      </c>
      <c r="O66" s="17">
        <v>0</v>
      </c>
      <c r="P66" s="9">
        <v>0</v>
      </c>
      <c r="Q66" s="16">
        <v>0</v>
      </c>
      <c r="R66" s="17">
        <v>0</v>
      </c>
      <c r="S66" s="9">
        <v>0</v>
      </c>
      <c r="T66" s="16">
        <v>0</v>
      </c>
      <c r="U66" s="17">
        <v>0</v>
      </c>
      <c r="V66" s="9">
        <v>0</v>
      </c>
      <c r="W66" s="16">
        <v>0</v>
      </c>
      <c r="X66" s="17">
        <v>0</v>
      </c>
      <c r="Y66" s="9">
        <v>0</v>
      </c>
      <c r="Z66" s="16">
        <v>0</v>
      </c>
      <c r="AA66" s="17">
        <v>0</v>
      </c>
    </row>
    <row r="67" spans="1:27" s="12" customFormat="1" ht="12" thickBot="1" x14ac:dyDescent="0.3">
      <c r="A67" s="94">
        <v>20</v>
      </c>
      <c r="B67" s="95" t="s">
        <v>61</v>
      </c>
      <c r="C67" s="96" t="s">
        <v>44</v>
      </c>
      <c r="D67" s="44">
        <v>2.34</v>
      </c>
      <c r="E67" s="97">
        <v>2.34</v>
      </c>
      <c r="F67" s="98">
        <v>0</v>
      </c>
      <c r="G67" s="84">
        <v>1.17</v>
      </c>
      <c r="H67" s="45">
        <v>1.17</v>
      </c>
      <c r="I67" s="46">
        <v>0</v>
      </c>
      <c r="J67" s="84">
        <v>0.06</v>
      </c>
      <c r="K67" s="45">
        <v>0.06</v>
      </c>
      <c r="L67" s="46">
        <v>0</v>
      </c>
      <c r="M67" s="84">
        <v>1.1100000000000001</v>
      </c>
      <c r="N67" s="45">
        <v>1.1100000000000001</v>
      </c>
      <c r="O67" s="46">
        <v>0</v>
      </c>
      <c r="P67" s="84">
        <v>0</v>
      </c>
      <c r="Q67" s="45">
        <v>0</v>
      </c>
      <c r="R67" s="46">
        <v>0</v>
      </c>
      <c r="S67" s="84">
        <v>0</v>
      </c>
      <c r="T67" s="45">
        <v>0</v>
      </c>
      <c r="U67" s="46">
        <v>0</v>
      </c>
      <c r="V67" s="84">
        <v>0</v>
      </c>
      <c r="W67" s="45">
        <v>0</v>
      </c>
      <c r="X67" s="46">
        <v>0</v>
      </c>
      <c r="Y67" s="84">
        <v>0</v>
      </c>
      <c r="Z67" s="45">
        <v>0</v>
      </c>
      <c r="AA67" s="46">
        <v>0</v>
      </c>
    </row>
    <row r="68" spans="1:27" s="12" customFormat="1" ht="11.25" x14ac:dyDescent="0.25">
      <c r="A68" s="150">
        <v>21</v>
      </c>
      <c r="B68" s="153" t="s">
        <v>62</v>
      </c>
      <c r="C68" s="37" t="s">
        <v>44</v>
      </c>
      <c r="D68" s="38">
        <v>9754.931265555555</v>
      </c>
      <c r="E68" s="91">
        <v>6335.3753111111118</v>
      </c>
      <c r="F68" s="92">
        <v>3419.5559544444441</v>
      </c>
      <c r="G68" s="93">
        <v>8088.2419666666656</v>
      </c>
      <c r="H68" s="39">
        <v>5549.2373888888878</v>
      </c>
      <c r="I68" s="40">
        <v>2539.0045777777777</v>
      </c>
      <c r="J68" s="93">
        <v>91.197000000000003</v>
      </c>
      <c r="K68" s="39">
        <v>43.757999999999996</v>
      </c>
      <c r="L68" s="40">
        <v>47.439000000000007</v>
      </c>
      <c r="M68" s="93">
        <v>1473.7435655555557</v>
      </c>
      <c r="N68" s="39">
        <v>695.8611111111112</v>
      </c>
      <c r="O68" s="40">
        <v>777.88245444444453</v>
      </c>
      <c r="P68" s="93">
        <v>38.049933333333328</v>
      </c>
      <c r="Q68" s="39">
        <v>29.487711111111111</v>
      </c>
      <c r="R68" s="40">
        <v>8.5622222222222213</v>
      </c>
      <c r="S68" s="93">
        <v>38.902200000000001</v>
      </c>
      <c r="T68" s="39">
        <v>8.6399999999999988</v>
      </c>
      <c r="U68" s="40">
        <v>30.2622</v>
      </c>
      <c r="V68" s="93">
        <v>9.39</v>
      </c>
      <c r="W68" s="39">
        <v>3.02</v>
      </c>
      <c r="X68" s="40">
        <v>6.37</v>
      </c>
      <c r="Y68" s="93">
        <v>15.406599999999999</v>
      </c>
      <c r="Z68" s="39">
        <v>5.3711000000000002</v>
      </c>
      <c r="AA68" s="40">
        <v>10.035499999999999</v>
      </c>
    </row>
    <row r="69" spans="1:27" s="12" customFormat="1" ht="11.25" x14ac:dyDescent="0.25">
      <c r="A69" s="151"/>
      <c r="B69" s="154"/>
      <c r="C69" s="13" t="s">
        <v>63</v>
      </c>
      <c r="D69" s="18">
        <v>604.79949999999985</v>
      </c>
      <c r="E69" s="7">
        <v>356.95629999999994</v>
      </c>
      <c r="F69" s="8">
        <v>247.84319999999994</v>
      </c>
      <c r="G69" s="100">
        <v>463.82219999999995</v>
      </c>
      <c r="H69" s="35">
        <v>294.04230000000001</v>
      </c>
      <c r="I69" s="36">
        <v>169.77989999999994</v>
      </c>
      <c r="J69" s="100">
        <v>8.3554999999999993</v>
      </c>
      <c r="K69" s="35">
        <v>1.9154999999999998</v>
      </c>
      <c r="L69" s="36">
        <v>6.4399999999999995</v>
      </c>
      <c r="M69" s="100">
        <v>121.49189999999999</v>
      </c>
      <c r="N69" s="35">
        <v>56.9208</v>
      </c>
      <c r="O69" s="36">
        <v>64.571100000000001</v>
      </c>
      <c r="P69" s="100">
        <v>1.9533</v>
      </c>
      <c r="Q69" s="35">
        <v>1.7833000000000001</v>
      </c>
      <c r="R69" s="36">
        <v>0.17</v>
      </c>
      <c r="S69" s="100">
        <v>6.1121999999999996</v>
      </c>
      <c r="T69" s="35">
        <v>1.52</v>
      </c>
      <c r="U69" s="36">
        <v>4.5922000000000001</v>
      </c>
      <c r="V69" s="100">
        <v>0.44440000000000002</v>
      </c>
      <c r="W69" s="35">
        <v>0.44440000000000002</v>
      </c>
      <c r="X69" s="36">
        <v>0</v>
      </c>
      <c r="Y69" s="100">
        <v>2.62</v>
      </c>
      <c r="Z69" s="35">
        <v>0.33</v>
      </c>
      <c r="AA69" s="36">
        <v>2.29</v>
      </c>
    </row>
    <row r="70" spans="1:27" s="12" customFormat="1" ht="11.25" x14ac:dyDescent="0.25">
      <c r="A70" s="151"/>
      <c r="B70" s="154"/>
      <c r="C70" s="13" t="s">
        <v>64</v>
      </c>
      <c r="D70" s="18">
        <v>49.673100000000005</v>
      </c>
      <c r="E70" s="7">
        <v>48.293100000000003</v>
      </c>
      <c r="F70" s="8">
        <v>1.38</v>
      </c>
      <c r="G70" s="100">
        <v>43.914299999999997</v>
      </c>
      <c r="H70" s="35">
        <v>42.974299999999999</v>
      </c>
      <c r="I70" s="36">
        <v>0.94</v>
      </c>
      <c r="J70" s="100">
        <v>0</v>
      </c>
      <c r="K70" s="35">
        <v>0</v>
      </c>
      <c r="L70" s="36">
        <v>0</v>
      </c>
      <c r="M70" s="100">
        <v>5.2610999999999999</v>
      </c>
      <c r="N70" s="35">
        <v>4.8211000000000004</v>
      </c>
      <c r="O70" s="36">
        <v>0.44</v>
      </c>
      <c r="P70" s="100">
        <v>0.22</v>
      </c>
      <c r="Q70" s="35">
        <v>0.22</v>
      </c>
      <c r="R70" s="36">
        <v>0</v>
      </c>
      <c r="S70" s="100">
        <v>0</v>
      </c>
      <c r="T70" s="35">
        <v>0</v>
      </c>
      <c r="U70" s="36">
        <v>0</v>
      </c>
      <c r="V70" s="100">
        <v>0</v>
      </c>
      <c r="W70" s="35">
        <v>0</v>
      </c>
      <c r="X70" s="36">
        <v>0</v>
      </c>
      <c r="Y70" s="100">
        <v>0.2777</v>
      </c>
      <c r="Z70" s="35">
        <v>0.2777</v>
      </c>
      <c r="AA70" s="36">
        <v>0</v>
      </c>
    </row>
    <row r="71" spans="1:27" s="12" customFormat="1" ht="12" thickBot="1" x14ac:dyDescent="0.3">
      <c r="A71" s="152"/>
      <c r="B71" s="155"/>
      <c r="C71" s="43" t="s">
        <v>65</v>
      </c>
      <c r="D71" s="44">
        <v>16.379900000000003</v>
      </c>
      <c r="E71" s="97">
        <v>13.229900000000002</v>
      </c>
      <c r="F71" s="98">
        <v>3.15</v>
      </c>
      <c r="G71" s="101">
        <v>14.159900000000002</v>
      </c>
      <c r="H71" s="49">
        <v>12.119900000000003</v>
      </c>
      <c r="I71" s="48">
        <v>2.04</v>
      </c>
      <c r="J71" s="101">
        <v>0</v>
      </c>
      <c r="K71" s="49">
        <v>0</v>
      </c>
      <c r="L71" s="48">
        <v>0</v>
      </c>
      <c r="M71" s="101">
        <v>1.89</v>
      </c>
      <c r="N71" s="49">
        <v>1.1099999999999999</v>
      </c>
      <c r="O71" s="48">
        <v>0.78</v>
      </c>
      <c r="P71" s="101">
        <v>0</v>
      </c>
      <c r="Q71" s="49">
        <v>0</v>
      </c>
      <c r="R71" s="48">
        <v>0</v>
      </c>
      <c r="S71" s="101">
        <v>0</v>
      </c>
      <c r="T71" s="49">
        <v>0</v>
      </c>
      <c r="U71" s="48">
        <v>0</v>
      </c>
      <c r="V71" s="101">
        <v>0</v>
      </c>
      <c r="W71" s="49">
        <v>0</v>
      </c>
      <c r="X71" s="48">
        <v>0</v>
      </c>
      <c r="Y71" s="101">
        <v>0.33</v>
      </c>
      <c r="Z71" s="49">
        <v>0</v>
      </c>
      <c r="AA71" s="48">
        <v>0.33</v>
      </c>
    </row>
    <row r="72" spans="1:27" s="12" customFormat="1" ht="11.25" x14ac:dyDescent="0.25">
      <c r="A72" s="150">
        <v>22</v>
      </c>
      <c r="B72" s="153" t="s">
        <v>66</v>
      </c>
      <c r="C72" s="37" t="s">
        <v>44</v>
      </c>
      <c r="D72" s="38">
        <v>6010.7089222222212</v>
      </c>
      <c r="E72" s="91">
        <v>3704.0948555555547</v>
      </c>
      <c r="F72" s="92">
        <v>2306.6140666666665</v>
      </c>
      <c r="G72" s="93">
        <v>4980.9723666666659</v>
      </c>
      <c r="H72" s="39">
        <v>3247.8086222222223</v>
      </c>
      <c r="I72" s="40">
        <v>1733.1637444444441</v>
      </c>
      <c r="J72" s="93">
        <v>59.130800000000001</v>
      </c>
      <c r="K72" s="39">
        <v>29.680800000000001</v>
      </c>
      <c r="L72" s="40">
        <v>29.449999999999996</v>
      </c>
      <c r="M72" s="93">
        <v>853.49180000000001</v>
      </c>
      <c r="N72" s="39">
        <v>364.23273333333327</v>
      </c>
      <c r="O72" s="40">
        <v>489.25906666666674</v>
      </c>
      <c r="P72" s="93">
        <v>77.813299999999998</v>
      </c>
      <c r="Q72" s="39">
        <v>53.977800000000002</v>
      </c>
      <c r="R72" s="40">
        <v>23.835500000000003</v>
      </c>
      <c r="S72" s="93">
        <v>24.928455555555551</v>
      </c>
      <c r="T72" s="39">
        <v>6.0048999999999992</v>
      </c>
      <c r="U72" s="40">
        <v>18.923555555555552</v>
      </c>
      <c r="V72" s="93">
        <v>3.15</v>
      </c>
      <c r="W72" s="39">
        <v>1.72</v>
      </c>
      <c r="X72" s="40">
        <v>1.43</v>
      </c>
      <c r="Y72" s="93">
        <v>11.222200000000001</v>
      </c>
      <c r="Z72" s="39">
        <v>0.67</v>
      </c>
      <c r="AA72" s="40">
        <v>10.552200000000001</v>
      </c>
    </row>
    <row r="73" spans="1:27" s="12" customFormat="1" ht="11.25" x14ac:dyDescent="0.25">
      <c r="A73" s="151"/>
      <c r="B73" s="154"/>
      <c r="C73" s="13" t="s">
        <v>63</v>
      </c>
      <c r="D73" s="18">
        <v>11.5213</v>
      </c>
      <c r="E73" s="7">
        <v>9.0813000000000006</v>
      </c>
      <c r="F73" s="8">
        <v>2.44</v>
      </c>
      <c r="G73" s="100">
        <v>7.7671999999999999</v>
      </c>
      <c r="H73" s="35">
        <v>6.7771999999999997</v>
      </c>
      <c r="I73" s="36">
        <v>0.99</v>
      </c>
      <c r="J73" s="100">
        <v>0.09</v>
      </c>
      <c r="K73" s="35">
        <v>0.09</v>
      </c>
      <c r="L73" s="36">
        <v>0</v>
      </c>
      <c r="M73" s="100">
        <v>2.56</v>
      </c>
      <c r="N73" s="35">
        <v>1.1099999999999999</v>
      </c>
      <c r="O73" s="36">
        <v>1.45</v>
      </c>
      <c r="P73" s="100">
        <v>1.1040999999999999</v>
      </c>
      <c r="Q73" s="35">
        <v>1.1040999999999999</v>
      </c>
      <c r="R73" s="36">
        <v>0</v>
      </c>
      <c r="S73" s="100">
        <v>0</v>
      </c>
      <c r="T73" s="35">
        <v>0</v>
      </c>
      <c r="U73" s="36">
        <v>0</v>
      </c>
      <c r="V73" s="100">
        <v>0</v>
      </c>
      <c r="W73" s="35">
        <v>0</v>
      </c>
      <c r="X73" s="36">
        <v>0</v>
      </c>
      <c r="Y73" s="100">
        <v>0</v>
      </c>
      <c r="Z73" s="35">
        <v>0</v>
      </c>
      <c r="AA73" s="36">
        <v>0</v>
      </c>
    </row>
    <row r="74" spans="1:27" s="12" customFormat="1" ht="11.25" x14ac:dyDescent="0.25">
      <c r="A74" s="151"/>
      <c r="B74" s="154"/>
      <c r="C74" s="13" t="s">
        <v>64</v>
      </c>
      <c r="D74" s="18">
        <v>8.43</v>
      </c>
      <c r="E74" s="7">
        <v>7.87</v>
      </c>
      <c r="F74" s="8">
        <v>0.56000000000000005</v>
      </c>
      <c r="G74" s="100">
        <v>7.49</v>
      </c>
      <c r="H74" s="35">
        <v>6.93</v>
      </c>
      <c r="I74" s="36">
        <v>0.56000000000000005</v>
      </c>
      <c r="J74" s="100">
        <v>0</v>
      </c>
      <c r="K74" s="35">
        <v>0</v>
      </c>
      <c r="L74" s="36">
        <v>0</v>
      </c>
      <c r="M74" s="100">
        <v>0.33</v>
      </c>
      <c r="N74" s="35">
        <v>0.33</v>
      </c>
      <c r="O74" s="36">
        <v>0</v>
      </c>
      <c r="P74" s="100">
        <v>0.61</v>
      </c>
      <c r="Q74" s="35">
        <v>0.61</v>
      </c>
      <c r="R74" s="36">
        <v>0</v>
      </c>
      <c r="S74" s="100">
        <v>0</v>
      </c>
      <c r="T74" s="35">
        <v>0</v>
      </c>
      <c r="U74" s="36">
        <v>0</v>
      </c>
      <c r="V74" s="100">
        <v>0</v>
      </c>
      <c r="W74" s="35">
        <v>0</v>
      </c>
      <c r="X74" s="36">
        <v>0</v>
      </c>
      <c r="Y74" s="100">
        <v>0</v>
      </c>
      <c r="Z74" s="35">
        <v>0</v>
      </c>
      <c r="AA74" s="36">
        <v>0</v>
      </c>
    </row>
    <row r="75" spans="1:27" s="12" customFormat="1" ht="12" thickBot="1" x14ac:dyDescent="0.3">
      <c r="A75" s="152"/>
      <c r="B75" s="155"/>
      <c r="C75" s="43" t="s">
        <v>65</v>
      </c>
      <c r="D75" s="44">
        <v>3.6722000000000001</v>
      </c>
      <c r="E75" s="97">
        <v>3.1322000000000001</v>
      </c>
      <c r="F75" s="98">
        <v>0.54</v>
      </c>
      <c r="G75" s="101">
        <v>2.67</v>
      </c>
      <c r="H75" s="49">
        <v>2.62</v>
      </c>
      <c r="I75" s="48">
        <v>0.05</v>
      </c>
      <c r="J75" s="101">
        <v>0</v>
      </c>
      <c r="K75" s="49">
        <v>0</v>
      </c>
      <c r="L75" s="48">
        <v>0</v>
      </c>
      <c r="M75" s="101">
        <v>1.0022000000000002</v>
      </c>
      <c r="N75" s="49">
        <v>0.51219999999999999</v>
      </c>
      <c r="O75" s="48">
        <v>0.49</v>
      </c>
      <c r="P75" s="101">
        <v>0</v>
      </c>
      <c r="Q75" s="49">
        <v>0</v>
      </c>
      <c r="R75" s="48">
        <v>0</v>
      </c>
      <c r="S75" s="101">
        <v>0</v>
      </c>
      <c r="T75" s="49">
        <v>0</v>
      </c>
      <c r="U75" s="48">
        <v>0</v>
      </c>
      <c r="V75" s="101">
        <v>0</v>
      </c>
      <c r="W75" s="49">
        <v>0</v>
      </c>
      <c r="X75" s="48">
        <v>0</v>
      </c>
      <c r="Y75" s="101">
        <v>0</v>
      </c>
      <c r="Z75" s="49">
        <v>0</v>
      </c>
      <c r="AA75" s="48">
        <v>0</v>
      </c>
    </row>
    <row r="76" spans="1:27" s="12" customFormat="1" ht="11.25" x14ac:dyDescent="0.25">
      <c r="A76" s="150">
        <v>23</v>
      </c>
      <c r="B76" s="153" t="s">
        <v>67</v>
      </c>
      <c r="C76" s="37" t="s">
        <v>44</v>
      </c>
      <c r="D76" s="38">
        <v>785.37306555555551</v>
      </c>
      <c r="E76" s="91">
        <v>690.68670999999995</v>
      </c>
      <c r="F76" s="92">
        <v>94.686355555555551</v>
      </c>
      <c r="G76" s="93">
        <v>552.9030655555556</v>
      </c>
      <c r="H76" s="39">
        <v>493.43995444444448</v>
      </c>
      <c r="I76" s="40">
        <v>59.463111111111111</v>
      </c>
      <c r="J76" s="93">
        <v>12.35</v>
      </c>
      <c r="K76" s="39">
        <v>9.26</v>
      </c>
      <c r="L76" s="40">
        <v>3.09</v>
      </c>
      <c r="M76" s="93">
        <v>178.84081111111112</v>
      </c>
      <c r="N76" s="39">
        <v>158.11196666666672</v>
      </c>
      <c r="O76" s="40">
        <v>20.728844444444448</v>
      </c>
      <c r="P76" s="93">
        <v>13.79478888888889</v>
      </c>
      <c r="Q76" s="39">
        <v>13.674788888888891</v>
      </c>
      <c r="R76" s="40">
        <v>0.12</v>
      </c>
      <c r="S76" s="93">
        <v>15.63</v>
      </c>
      <c r="T76" s="39">
        <v>10.55</v>
      </c>
      <c r="U76" s="40">
        <v>5.08</v>
      </c>
      <c r="V76" s="93">
        <v>6.5444000000000004</v>
      </c>
      <c r="W76" s="39">
        <v>3.6100000000000003</v>
      </c>
      <c r="X76" s="40">
        <v>2.9344000000000001</v>
      </c>
      <c r="Y76" s="93">
        <v>5.3100000000000005</v>
      </c>
      <c r="Z76" s="39">
        <v>2.04</v>
      </c>
      <c r="AA76" s="40">
        <v>3.27</v>
      </c>
    </row>
    <row r="77" spans="1:27" s="12" customFormat="1" ht="11.25" x14ac:dyDescent="0.25">
      <c r="A77" s="151"/>
      <c r="B77" s="154"/>
      <c r="C77" s="13" t="s">
        <v>63</v>
      </c>
      <c r="D77" s="18">
        <v>172.2731</v>
      </c>
      <c r="E77" s="7">
        <v>145.43440000000001</v>
      </c>
      <c r="F77" s="8">
        <v>26.838700000000003</v>
      </c>
      <c r="G77" s="100">
        <v>137.2397</v>
      </c>
      <c r="H77" s="35">
        <v>119.9053</v>
      </c>
      <c r="I77" s="36">
        <v>17.334400000000002</v>
      </c>
      <c r="J77" s="100">
        <v>1.3800000000000001</v>
      </c>
      <c r="K77" s="35">
        <v>0.71</v>
      </c>
      <c r="L77" s="36">
        <v>0.67</v>
      </c>
      <c r="M77" s="100">
        <v>29.6434</v>
      </c>
      <c r="N77" s="35">
        <v>21.809100000000001</v>
      </c>
      <c r="O77" s="36">
        <v>7.8343000000000007</v>
      </c>
      <c r="P77" s="100">
        <v>2.4699999999999998</v>
      </c>
      <c r="Q77" s="35">
        <v>2.0300000000000002</v>
      </c>
      <c r="R77" s="36">
        <v>0.44</v>
      </c>
      <c r="S77" s="100">
        <v>1.0899999999999999</v>
      </c>
      <c r="T77" s="35">
        <v>0.59</v>
      </c>
      <c r="U77" s="36">
        <v>0.5</v>
      </c>
      <c r="V77" s="100">
        <v>0.39</v>
      </c>
      <c r="W77" s="35">
        <v>0.39</v>
      </c>
      <c r="X77" s="36">
        <v>0</v>
      </c>
      <c r="Y77" s="100">
        <v>0.06</v>
      </c>
      <c r="Z77" s="35">
        <v>0</v>
      </c>
      <c r="AA77" s="36">
        <v>0.06</v>
      </c>
    </row>
    <row r="78" spans="1:27" s="12" customFormat="1" ht="11.25" x14ac:dyDescent="0.25">
      <c r="A78" s="151"/>
      <c r="B78" s="154"/>
      <c r="C78" s="13" t="s">
        <v>64</v>
      </c>
      <c r="D78" s="18">
        <v>27.678799999999999</v>
      </c>
      <c r="E78" s="7">
        <v>27.678799999999999</v>
      </c>
      <c r="F78" s="8">
        <v>0</v>
      </c>
      <c r="G78" s="100">
        <v>23.468800000000002</v>
      </c>
      <c r="H78" s="35">
        <v>23.468800000000002</v>
      </c>
      <c r="I78" s="36">
        <v>0</v>
      </c>
      <c r="J78" s="100">
        <v>0</v>
      </c>
      <c r="K78" s="35">
        <v>0</v>
      </c>
      <c r="L78" s="36">
        <v>0</v>
      </c>
      <c r="M78" s="100">
        <v>3.99</v>
      </c>
      <c r="N78" s="35">
        <v>3.99</v>
      </c>
      <c r="O78" s="36">
        <v>0</v>
      </c>
      <c r="P78" s="100">
        <v>0.22</v>
      </c>
      <c r="Q78" s="35">
        <v>0.22</v>
      </c>
      <c r="R78" s="36">
        <v>0</v>
      </c>
      <c r="S78" s="100">
        <v>0</v>
      </c>
      <c r="T78" s="35">
        <v>0</v>
      </c>
      <c r="U78" s="36">
        <v>0</v>
      </c>
      <c r="V78" s="100">
        <v>0</v>
      </c>
      <c r="W78" s="35">
        <v>0</v>
      </c>
      <c r="X78" s="36">
        <v>0</v>
      </c>
      <c r="Y78" s="100">
        <v>0</v>
      </c>
      <c r="Z78" s="35">
        <v>0</v>
      </c>
      <c r="AA78" s="36">
        <v>0</v>
      </c>
    </row>
    <row r="79" spans="1:27" s="12" customFormat="1" ht="12" thickBot="1" x14ac:dyDescent="0.3">
      <c r="A79" s="152"/>
      <c r="B79" s="155"/>
      <c r="C79" s="43" t="s">
        <v>65</v>
      </c>
      <c r="D79" s="44">
        <v>1.54</v>
      </c>
      <c r="E79" s="97">
        <v>0.27</v>
      </c>
      <c r="F79" s="98">
        <v>1.27</v>
      </c>
      <c r="G79" s="101">
        <v>0.5</v>
      </c>
      <c r="H79" s="49">
        <v>0</v>
      </c>
      <c r="I79" s="48">
        <v>0.5</v>
      </c>
      <c r="J79" s="101">
        <v>0</v>
      </c>
      <c r="K79" s="49">
        <v>0</v>
      </c>
      <c r="L79" s="48">
        <v>0</v>
      </c>
      <c r="M79" s="101">
        <v>1.04</v>
      </c>
      <c r="N79" s="49">
        <v>0.27</v>
      </c>
      <c r="O79" s="48">
        <v>0.77</v>
      </c>
      <c r="P79" s="101">
        <v>0</v>
      </c>
      <c r="Q79" s="49">
        <v>0</v>
      </c>
      <c r="R79" s="48">
        <v>0</v>
      </c>
      <c r="S79" s="101">
        <v>0</v>
      </c>
      <c r="T79" s="49">
        <v>0</v>
      </c>
      <c r="U79" s="48">
        <v>0</v>
      </c>
      <c r="V79" s="101">
        <v>0</v>
      </c>
      <c r="W79" s="49">
        <v>0</v>
      </c>
      <c r="X79" s="48">
        <v>0</v>
      </c>
      <c r="Y79" s="101">
        <v>0</v>
      </c>
      <c r="Z79" s="49">
        <v>0</v>
      </c>
      <c r="AA79" s="48">
        <v>0</v>
      </c>
    </row>
    <row r="80" spans="1:27" s="12" customFormat="1" ht="11.25" x14ac:dyDescent="0.25">
      <c r="A80" s="150">
        <v>24</v>
      </c>
      <c r="B80" s="153" t="s">
        <v>68</v>
      </c>
      <c r="C80" s="37" t="s">
        <v>44</v>
      </c>
      <c r="D80" s="38">
        <v>68.066522222222233</v>
      </c>
      <c r="E80" s="91">
        <v>65.356522222222239</v>
      </c>
      <c r="F80" s="92">
        <v>2.71</v>
      </c>
      <c r="G80" s="93">
        <v>56.534300000000009</v>
      </c>
      <c r="H80" s="39">
        <v>55.264300000000013</v>
      </c>
      <c r="I80" s="40">
        <v>1.27</v>
      </c>
      <c r="J80" s="93">
        <v>0.99</v>
      </c>
      <c r="K80" s="39">
        <v>0.77</v>
      </c>
      <c r="L80" s="40">
        <v>0.22</v>
      </c>
      <c r="M80" s="93">
        <v>8.8522222222222222</v>
      </c>
      <c r="N80" s="39">
        <v>7.6322222222222216</v>
      </c>
      <c r="O80" s="40">
        <v>1.22</v>
      </c>
      <c r="P80" s="93">
        <v>0.83000000000000007</v>
      </c>
      <c r="Q80" s="39">
        <v>0.83000000000000007</v>
      </c>
      <c r="R80" s="40">
        <v>0</v>
      </c>
      <c r="S80" s="93">
        <v>0.86</v>
      </c>
      <c r="T80" s="39">
        <v>0.86</v>
      </c>
      <c r="U80" s="40">
        <v>0</v>
      </c>
      <c r="V80" s="93">
        <v>0</v>
      </c>
      <c r="W80" s="39">
        <v>0</v>
      </c>
      <c r="X80" s="40">
        <v>0</v>
      </c>
      <c r="Y80" s="93">
        <v>0</v>
      </c>
      <c r="Z80" s="39">
        <v>0</v>
      </c>
      <c r="AA80" s="40">
        <v>0</v>
      </c>
    </row>
    <row r="81" spans="1:27" s="12" customFormat="1" ht="11.25" x14ac:dyDescent="0.25">
      <c r="A81" s="151"/>
      <c r="B81" s="154"/>
      <c r="C81" s="13" t="s">
        <v>63</v>
      </c>
      <c r="D81" s="18">
        <v>1.8400000000000003</v>
      </c>
      <c r="E81" s="7">
        <v>1.8400000000000003</v>
      </c>
      <c r="F81" s="8">
        <v>0</v>
      </c>
      <c r="G81" s="100">
        <v>0.78</v>
      </c>
      <c r="H81" s="35">
        <v>0.78</v>
      </c>
      <c r="I81" s="36">
        <v>0</v>
      </c>
      <c r="J81" s="100">
        <v>0</v>
      </c>
      <c r="K81" s="35">
        <v>0</v>
      </c>
      <c r="L81" s="36">
        <v>0</v>
      </c>
      <c r="M81" s="100">
        <v>0.72</v>
      </c>
      <c r="N81" s="35">
        <v>0.72</v>
      </c>
      <c r="O81" s="36">
        <v>0</v>
      </c>
      <c r="P81" s="100">
        <v>0.34</v>
      </c>
      <c r="Q81" s="35">
        <v>0.34</v>
      </c>
      <c r="R81" s="36">
        <v>0</v>
      </c>
      <c r="S81" s="100">
        <v>0</v>
      </c>
      <c r="T81" s="35">
        <v>0</v>
      </c>
      <c r="U81" s="36">
        <v>0</v>
      </c>
      <c r="V81" s="100">
        <v>0</v>
      </c>
      <c r="W81" s="35">
        <v>0</v>
      </c>
      <c r="X81" s="36">
        <v>0</v>
      </c>
      <c r="Y81" s="100">
        <v>0</v>
      </c>
      <c r="Z81" s="35">
        <v>0</v>
      </c>
      <c r="AA81" s="36">
        <v>0</v>
      </c>
    </row>
    <row r="82" spans="1:27" s="12" customFormat="1" ht="11.25" x14ac:dyDescent="0.25">
      <c r="A82" s="151"/>
      <c r="B82" s="154"/>
      <c r="C82" s="13" t="s">
        <v>64</v>
      </c>
      <c r="D82" s="18">
        <v>1.55</v>
      </c>
      <c r="E82" s="7">
        <v>1.55</v>
      </c>
      <c r="F82" s="8">
        <v>0</v>
      </c>
      <c r="G82" s="100">
        <v>1.22</v>
      </c>
      <c r="H82" s="35">
        <v>1.22</v>
      </c>
      <c r="I82" s="36">
        <v>0</v>
      </c>
      <c r="J82" s="100">
        <v>0</v>
      </c>
      <c r="K82" s="35">
        <v>0</v>
      </c>
      <c r="L82" s="36">
        <v>0</v>
      </c>
      <c r="M82" s="100">
        <v>0.33</v>
      </c>
      <c r="N82" s="35">
        <v>0.33</v>
      </c>
      <c r="O82" s="36">
        <v>0</v>
      </c>
      <c r="P82" s="100">
        <v>0</v>
      </c>
      <c r="Q82" s="35">
        <v>0</v>
      </c>
      <c r="R82" s="36">
        <v>0</v>
      </c>
      <c r="S82" s="100">
        <v>0</v>
      </c>
      <c r="T82" s="35">
        <v>0</v>
      </c>
      <c r="U82" s="36">
        <v>0</v>
      </c>
      <c r="V82" s="100">
        <v>0</v>
      </c>
      <c r="W82" s="35">
        <v>0</v>
      </c>
      <c r="X82" s="36">
        <v>0</v>
      </c>
      <c r="Y82" s="100">
        <v>0</v>
      </c>
      <c r="Z82" s="35">
        <v>0</v>
      </c>
      <c r="AA82" s="36">
        <v>0</v>
      </c>
    </row>
    <row r="83" spans="1:27" s="12" customFormat="1" ht="12" thickBot="1" x14ac:dyDescent="0.3">
      <c r="A83" s="152"/>
      <c r="B83" s="155"/>
      <c r="C83" s="43" t="s">
        <v>65</v>
      </c>
      <c r="D83" s="44">
        <v>0</v>
      </c>
      <c r="E83" s="97">
        <v>0</v>
      </c>
      <c r="F83" s="98">
        <v>0</v>
      </c>
      <c r="G83" s="101">
        <v>0</v>
      </c>
      <c r="H83" s="49">
        <v>0</v>
      </c>
      <c r="I83" s="48">
        <v>0</v>
      </c>
      <c r="J83" s="101">
        <v>0</v>
      </c>
      <c r="K83" s="49">
        <v>0</v>
      </c>
      <c r="L83" s="48">
        <v>0</v>
      </c>
      <c r="M83" s="101">
        <v>0</v>
      </c>
      <c r="N83" s="49">
        <v>0</v>
      </c>
      <c r="O83" s="48">
        <v>0</v>
      </c>
      <c r="P83" s="101">
        <v>0</v>
      </c>
      <c r="Q83" s="49">
        <v>0</v>
      </c>
      <c r="R83" s="48">
        <v>0</v>
      </c>
      <c r="S83" s="101">
        <v>0</v>
      </c>
      <c r="T83" s="49">
        <v>0</v>
      </c>
      <c r="U83" s="48">
        <v>0</v>
      </c>
      <c r="V83" s="101">
        <v>0</v>
      </c>
      <c r="W83" s="49">
        <v>0</v>
      </c>
      <c r="X83" s="48">
        <v>0</v>
      </c>
      <c r="Y83" s="101">
        <v>0</v>
      </c>
      <c r="Z83" s="49">
        <v>0</v>
      </c>
      <c r="AA83" s="48">
        <v>0</v>
      </c>
    </row>
    <row r="84" spans="1:27" s="12" customFormat="1" ht="11.25" x14ac:dyDescent="0.25">
      <c r="A84" s="150">
        <v>25</v>
      </c>
      <c r="B84" s="153" t="s">
        <v>69</v>
      </c>
      <c r="C84" s="37" t="s">
        <v>44</v>
      </c>
      <c r="D84" s="38">
        <v>3.33</v>
      </c>
      <c r="E84" s="91">
        <v>3.33</v>
      </c>
      <c r="F84" s="92">
        <v>0</v>
      </c>
      <c r="G84" s="93">
        <v>2.33</v>
      </c>
      <c r="H84" s="39">
        <v>2.33</v>
      </c>
      <c r="I84" s="40">
        <v>0</v>
      </c>
      <c r="J84" s="93">
        <v>0</v>
      </c>
      <c r="K84" s="39">
        <v>0</v>
      </c>
      <c r="L84" s="40">
        <v>0</v>
      </c>
      <c r="M84" s="93">
        <v>1</v>
      </c>
      <c r="N84" s="39">
        <v>1</v>
      </c>
      <c r="O84" s="40">
        <v>0</v>
      </c>
      <c r="P84" s="93">
        <v>0</v>
      </c>
      <c r="Q84" s="39">
        <v>0</v>
      </c>
      <c r="R84" s="40">
        <v>0</v>
      </c>
      <c r="S84" s="93">
        <v>0</v>
      </c>
      <c r="T84" s="39">
        <v>0</v>
      </c>
      <c r="U84" s="40">
        <v>0</v>
      </c>
      <c r="V84" s="93">
        <v>0</v>
      </c>
      <c r="W84" s="39">
        <v>0</v>
      </c>
      <c r="X84" s="40">
        <v>0</v>
      </c>
      <c r="Y84" s="93">
        <v>0</v>
      </c>
      <c r="Z84" s="39">
        <v>0</v>
      </c>
      <c r="AA84" s="40">
        <v>0</v>
      </c>
    </row>
    <row r="85" spans="1:27" s="12" customFormat="1" ht="11.25" x14ac:dyDescent="0.25">
      <c r="A85" s="151"/>
      <c r="B85" s="154"/>
      <c r="C85" s="13" t="s">
        <v>63</v>
      </c>
      <c r="D85" s="18">
        <v>0</v>
      </c>
      <c r="E85" s="7">
        <v>0</v>
      </c>
      <c r="F85" s="8">
        <v>0</v>
      </c>
      <c r="G85" s="100">
        <v>0</v>
      </c>
      <c r="H85" s="35">
        <v>0</v>
      </c>
      <c r="I85" s="36">
        <v>0</v>
      </c>
      <c r="J85" s="100">
        <v>0</v>
      </c>
      <c r="K85" s="35">
        <v>0</v>
      </c>
      <c r="L85" s="36">
        <v>0</v>
      </c>
      <c r="M85" s="100">
        <v>0</v>
      </c>
      <c r="N85" s="35">
        <v>0</v>
      </c>
      <c r="O85" s="36">
        <v>0</v>
      </c>
      <c r="P85" s="100">
        <v>0</v>
      </c>
      <c r="Q85" s="35">
        <v>0</v>
      </c>
      <c r="R85" s="36">
        <v>0</v>
      </c>
      <c r="S85" s="100">
        <v>0</v>
      </c>
      <c r="T85" s="35">
        <v>0</v>
      </c>
      <c r="U85" s="36">
        <v>0</v>
      </c>
      <c r="V85" s="100">
        <v>0</v>
      </c>
      <c r="W85" s="35">
        <v>0</v>
      </c>
      <c r="X85" s="36">
        <v>0</v>
      </c>
      <c r="Y85" s="100">
        <v>0</v>
      </c>
      <c r="Z85" s="35">
        <v>0</v>
      </c>
      <c r="AA85" s="36">
        <v>0</v>
      </c>
    </row>
    <row r="86" spans="1:27" s="12" customFormat="1" ht="11.25" x14ac:dyDescent="0.25">
      <c r="A86" s="151"/>
      <c r="B86" s="154"/>
      <c r="C86" s="13" t="s">
        <v>64</v>
      </c>
      <c r="D86" s="18">
        <v>0</v>
      </c>
      <c r="E86" s="7">
        <v>0</v>
      </c>
      <c r="F86" s="8">
        <v>0</v>
      </c>
      <c r="G86" s="100">
        <v>0</v>
      </c>
      <c r="H86" s="35">
        <v>0</v>
      </c>
      <c r="I86" s="36">
        <v>0</v>
      </c>
      <c r="J86" s="100">
        <v>0</v>
      </c>
      <c r="K86" s="35">
        <v>0</v>
      </c>
      <c r="L86" s="36">
        <v>0</v>
      </c>
      <c r="M86" s="100">
        <v>0</v>
      </c>
      <c r="N86" s="35">
        <v>0</v>
      </c>
      <c r="O86" s="36">
        <v>0</v>
      </c>
      <c r="P86" s="100">
        <v>0</v>
      </c>
      <c r="Q86" s="35">
        <v>0</v>
      </c>
      <c r="R86" s="36">
        <v>0</v>
      </c>
      <c r="S86" s="100">
        <v>0</v>
      </c>
      <c r="T86" s="35">
        <v>0</v>
      </c>
      <c r="U86" s="36">
        <v>0</v>
      </c>
      <c r="V86" s="100">
        <v>0</v>
      </c>
      <c r="W86" s="35">
        <v>0</v>
      </c>
      <c r="X86" s="36">
        <v>0</v>
      </c>
      <c r="Y86" s="100">
        <v>0</v>
      </c>
      <c r="Z86" s="35">
        <v>0</v>
      </c>
      <c r="AA86" s="36">
        <v>0</v>
      </c>
    </row>
    <row r="87" spans="1:27" s="12" customFormat="1" ht="12" thickBot="1" x14ac:dyDescent="0.3">
      <c r="A87" s="152"/>
      <c r="B87" s="155"/>
      <c r="C87" s="43" t="s">
        <v>65</v>
      </c>
      <c r="D87" s="44">
        <v>0</v>
      </c>
      <c r="E87" s="97">
        <v>0</v>
      </c>
      <c r="F87" s="98">
        <v>0</v>
      </c>
      <c r="G87" s="101">
        <v>0</v>
      </c>
      <c r="H87" s="49">
        <v>0</v>
      </c>
      <c r="I87" s="48">
        <v>0</v>
      </c>
      <c r="J87" s="101">
        <v>0</v>
      </c>
      <c r="K87" s="49">
        <v>0</v>
      </c>
      <c r="L87" s="48">
        <v>0</v>
      </c>
      <c r="M87" s="101">
        <v>0</v>
      </c>
      <c r="N87" s="49">
        <v>0</v>
      </c>
      <c r="O87" s="48">
        <v>0</v>
      </c>
      <c r="P87" s="101">
        <v>0</v>
      </c>
      <c r="Q87" s="49">
        <v>0</v>
      </c>
      <c r="R87" s="48">
        <v>0</v>
      </c>
      <c r="S87" s="101">
        <v>0</v>
      </c>
      <c r="T87" s="49">
        <v>0</v>
      </c>
      <c r="U87" s="48">
        <v>0</v>
      </c>
      <c r="V87" s="101">
        <v>0</v>
      </c>
      <c r="W87" s="49">
        <v>0</v>
      </c>
      <c r="X87" s="48">
        <v>0</v>
      </c>
      <c r="Y87" s="101">
        <v>0</v>
      </c>
      <c r="Z87" s="49">
        <v>0</v>
      </c>
      <c r="AA87" s="48">
        <v>0</v>
      </c>
    </row>
    <row r="88" spans="1:27" s="12" customFormat="1" ht="11.25" x14ac:dyDescent="0.25">
      <c r="A88" s="150">
        <v>26</v>
      </c>
      <c r="B88" s="153" t="s">
        <v>70</v>
      </c>
      <c r="C88" s="37" t="s">
        <v>44</v>
      </c>
      <c r="D88" s="38">
        <v>9.4444444444444446</v>
      </c>
      <c r="E88" s="91">
        <v>4.8144444444444447</v>
      </c>
      <c r="F88" s="92">
        <v>4.63</v>
      </c>
      <c r="G88" s="93">
        <v>6.9944444444444445</v>
      </c>
      <c r="H88" s="39">
        <v>4.0244444444444447</v>
      </c>
      <c r="I88" s="40">
        <v>2.9699999999999998</v>
      </c>
      <c r="J88" s="93">
        <v>0</v>
      </c>
      <c r="K88" s="39">
        <v>0</v>
      </c>
      <c r="L88" s="40">
        <v>0</v>
      </c>
      <c r="M88" s="93">
        <v>2.06</v>
      </c>
      <c r="N88" s="39">
        <v>0.62</v>
      </c>
      <c r="O88" s="40">
        <v>1.44</v>
      </c>
      <c r="P88" s="93">
        <v>0.17</v>
      </c>
      <c r="Q88" s="39">
        <v>0.17</v>
      </c>
      <c r="R88" s="40">
        <v>0</v>
      </c>
      <c r="S88" s="93">
        <v>0</v>
      </c>
      <c r="T88" s="39">
        <v>0</v>
      </c>
      <c r="U88" s="40">
        <v>0</v>
      </c>
      <c r="V88" s="93">
        <v>0</v>
      </c>
      <c r="W88" s="39">
        <v>0</v>
      </c>
      <c r="X88" s="40">
        <v>0</v>
      </c>
      <c r="Y88" s="93">
        <v>0.22</v>
      </c>
      <c r="Z88" s="39">
        <v>0</v>
      </c>
      <c r="AA88" s="40">
        <v>0.22</v>
      </c>
    </row>
    <row r="89" spans="1:27" s="12" customFormat="1" ht="11.25" x14ac:dyDescent="0.25">
      <c r="A89" s="151"/>
      <c r="B89" s="154"/>
      <c r="C89" s="13" t="s">
        <v>63</v>
      </c>
      <c r="D89" s="18">
        <v>0.5</v>
      </c>
      <c r="E89" s="7">
        <v>0</v>
      </c>
      <c r="F89" s="8">
        <v>0.5</v>
      </c>
      <c r="G89" s="100">
        <v>0.5</v>
      </c>
      <c r="H89" s="35">
        <v>0</v>
      </c>
      <c r="I89" s="36">
        <v>0.5</v>
      </c>
      <c r="J89" s="100">
        <v>0</v>
      </c>
      <c r="K89" s="35">
        <v>0</v>
      </c>
      <c r="L89" s="36">
        <v>0</v>
      </c>
      <c r="M89" s="100">
        <v>0</v>
      </c>
      <c r="N89" s="35">
        <v>0</v>
      </c>
      <c r="O89" s="36">
        <v>0</v>
      </c>
      <c r="P89" s="100">
        <v>0</v>
      </c>
      <c r="Q89" s="35">
        <v>0</v>
      </c>
      <c r="R89" s="36">
        <v>0</v>
      </c>
      <c r="S89" s="100">
        <v>0</v>
      </c>
      <c r="T89" s="35">
        <v>0</v>
      </c>
      <c r="U89" s="36">
        <v>0</v>
      </c>
      <c r="V89" s="100">
        <v>0</v>
      </c>
      <c r="W89" s="35">
        <v>0</v>
      </c>
      <c r="X89" s="36">
        <v>0</v>
      </c>
      <c r="Y89" s="100">
        <v>0</v>
      </c>
      <c r="Z89" s="35">
        <v>0</v>
      </c>
      <c r="AA89" s="36">
        <v>0</v>
      </c>
    </row>
    <row r="90" spans="1:27" s="12" customFormat="1" ht="11.25" x14ac:dyDescent="0.25">
      <c r="A90" s="151"/>
      <c r="B90" s="154"/>
      <c r="C90" s="13" t="s">
        <v>64</v>
      </c>
      <c r="D90" s="18">
        <v>1</v>
      </c>
      <c r="E90" s="7">
        <v>1</v>
      </c>
      <c r="F90" s="8">
        <v>0</v>
      </c>
      <c r="G90" s="100">
        <v>0</v>
      </c>
      <c r="H90" s="35">
        <v>0</v>
      </c>
      <c r="I90" s="36">
        <v>0</v>
      </c>
      <c r="J90" s="100">
        <v>1</v>
      </c>
      <c r="K90" s="35">
        <v>1</v>
      </c>
      <c r="L90" s="36">
        <v>0</v>
      </c>
      <c r="M90" s="100">
        <v>0</v>
      </c>
      <c r="N90" s="35">
        <v>0</v>
      </c>
      <c r="O90" s="36">
        <v>0</v>
      </c>
      <c r="P90" s="100">
        <v>0</v>
      </c>
      <c r="Q90" s="35">
        <v>0</v>
      </c>
      <c r="R90" s="36">
        <v>0</v>
      </c>
      <c r="S90" s="100">
        <v>0</v>
      </c>
      <c r="T90" s="35">
        <v>0</v>
      </c>
      <c r="U90" s="36">
        <v>0</v>
      </c>
      <c r="V90" s="100">
        <v>0</v>
      </c>
      <c r="W90" s="35">
        <v>0</v>
      </c>
      <c r="X90" s="36">
        <v>0</v>
      </c>
      <c r="Y90" s="100">
        <v>0</v>
      </c>
      <c r="Z90" s="35">
        <v>0</v>
      </c>
      <c r="AA90" s="36">
        <v>0</v>
      </c>
    </row>
    <row r="91" spans="1:27" s="12" customFormat="1" ht="12" thickBot="1" x14ac:dyDescent="0.3">
      <c r="A91" s="152"/>
      <c r="B91" s="155"/>
      <c r="C91" s="43" t="s">
        <v>65</v>
      </c>
      <c r="D91" s="44">
        <v>1.33</v>
      </c>
      <c r="E91" s="97">
        <v>1.05</v>
      </c>
      <c r="F91" s="98">
        <v>0.28000000000000003</v>
      </c>
      <c r="G91" s="101">
        <v>0.66</v>
      </c>
      <c r="H91" s="49">
        <v>0.38</v>
      </c>
      <c r="I91" s="48">
        <v>0.28000000000000003</v>
      </c>
      <c r="J91" s="101">
        <v>0</v>
      </c>
      <c r="K91" s="49">
        <v>0</v>
      </c>
      <c r="L91" s="48">
        <v>0</v>
      </c>
      <c r="M91" s="101">
        <v>0.67</v>
      </c>
      <c r="N91" s="49">
        <v>0.67</v>
      </c>
      <c r="O91" s="48">
        <v>0</v>
      </c>
      <c r="P91" s="101">
        <v>0</v>
      </c>
      <c r="Q91" s="49">
        <v>0</v>
      </c>
      <c r="R91" s="48">
        <v>0</v>
      </c>
      <c r="S91" s="101">
        <v>0</v>
      </c>
      <c r="T91" s="49">
        <v>0</v>
      </c>
      <c r="U91" s="48">
        <v>0</v>
      </c>
      <c r="V91" s="101">
        <v>0</v>
      </c>
      <c r="W91" s="49">
        <v>0</v>
      </c>
      <c r="X91" s="48">
        <v>0</v>
      </c>
      <c r="Y91" s="101">
        <v>0</v>
      </c>
      <c r="Z91" s="49">
        <v>0</v>
      </c>
      <c r="AA91" s="48">
        <v>0</v>
      </c>
    </row>
    <row r="92" spans="1:27" s="12" customFormat="1" ht="11.25" x14ac:dyDescent="0.25">
      <c r="A92" s="150">
        <v>27</v>
      </c>
      <c r="B92" s="153" t="s">
        <v>71</v>
      </c>
      <c r="C92" s="37" t="s">
        <v>44</v>
      </c>
      <c r="D92" s="38">
        <v>84.151111111111092</v>
      </c>
      <c r="E92" s="91">
        <v>79.579999999999984</v>
      </c>
      <c r="F92" s="92">
        <v>4.5711111111111107</v>
      </c>
      <c r="G92" s="93">
        <v>61.968888888888884</v>
      </c>
      <c r="H92" s="39">
        <v>59.147777777777776</v>
      </c>
      <c r="I92" s="40">
        <v>2.8211111111111111</v>
      </c>
      <c r="J92" s="93">
        <v>1.05</v>
      </c>
      <c r="K92" s="39">
        <v>1.05</v>
      </c>
      <c r="L92" s="40">
        <v>0</v>
      </c>
      <c r="M92" s="93">
        <v>19.342222222222226</v>
      </c>
      <c r="N92" s="39">
        <v>18.142222222222223</v>
      </c>
      <c r="O92" s="40">
        <v>1.2</v>
      </c>
      <c r="P92" s="93">
        <v>0</v>
      </c>
      <c r="Q92" s="39">
        <v>0</v>
      </c>
      <c r="R92" s="40">
        <v>0</v>
      </c>
      <c r="S92" s="93">
        <v>1.79</v>
      </c>
      <c r="T92" s="39">
        <v>1.24</v>
      </c>
      <c r="U92" s="40">
        <v>0.55000000000000004</v>
      </c>
      <c r="V92" s="93">
        <v>0</v>
      </c>
      <c r="W92" s="39">
        <v>0</v>
      </c>
      <c r="X92" s="40">
        <v>0</v>
      </c>
      <c r="Y92" s="93">
        <v>0</v>
      </c>
      <c r="Z92" s="39">
        <v>0</v>
      </c>
      <c r="AA92" s="40">
        <v>0</v>
      </c>
    </row>
    <row r="93" spans="1:27" s="12" customFormat="1" ht="11.25" x14ac:dyDescent="0.25">
      <c r="A93" s="151"/>
      <c r="B93" s="154"/>
      <c r="C93" s="13" t="s">
        <v>63</v>
      </c>
      <c r="D93" s="18">
        <v>0</v>
      </c>
      <c r="E93" s="7">
        <v>0</v>
      </c>
      <c r="F93" s="8">
        <v>0</v>
      </c>
      <c r="G93" s="100">
        <v>0</v>
      </c>
      <c r="H93" s="35">
        <v>0</v>
      </c>
      <c r="I93" s="36">
        <v>0</v>
      </c>
      <c r="J93" s="100">
        <v>0</v>
      </c>
      <c r="K93" s="35">
        <v>0</v>
      </c>
      <c r="L93" s="36">
        <v>0</v>
      </c>
      <c r="M93" s="100">
        <v>0</v>
      </c>
      <c r="N93" s="35">
        <v>0</v>
      </c>
      <c r="O93" s="36">
        <v>0</v>
      </c>
      <c r="P93" s="100">
        <v>0</v>
      </c>
      <c r="Q93" s="35">
        <v>0</v>
      </c>
      <c r="R93" s="36">
        <v>0</v>
      </c>
      <c r="S93" s="100">
        <v>0</v>
      </c>
      <c r="T93" s="35">
        <v>0</v>
      </c>
      <c r="U93" s="36">
        <v>0</v>
      </c>
      <c r="V93" s="100">
        <v>0</v>
      </c>
      <c r="W93" s="35">
        <v>0</v>
      </c>
      <c r="X93" s="36">
        <v>0</v>
      </c>
      <c r="Y93" s="100">
        <v>0</v>
      </c>
      <c r="Z93" s="35">
        <v>0</v>
      </c>
      <c r="AA93" s="36">
        <v>0</v>
      </c>
    </row>
    <row r="94" spans="1:27" s="12" customFormat="1" ht="11.25" x14ac:dyDescent="0.25">
      <c r="A94" s="151"/>
      <c r="B94" s="154"/>
      <c r="C94" s="13" t="s">
        <v>64</v>
      </c>
      <c r="D94" s="18">
        <v>2.48</v>
      </c>
      <c r="E94" s="7">
        <v>2.48</v>
      </c>
      <c r="F94" s="8">
        <v>0</v>
      </c>
      <c r="G94" s="100">
        <v>2.48</v>
      </c>
      <c r="H94" s="35">
        <v>2.48</v>
      </c>
      <c r="I94" s="36">
        <v>0</v>
      </c>
      <c r="J94" s="100">
        <v>0</v>
      </c>
      <c r="K94" s="35">
        <v>0</v>
      </c>
      <c r="L94" s="36">
        <v>0</v>
      </c>
      <c r="M94" s="100">
        <v>0</v>
      </c>
      <c r="N94" s="35">
        <v>0</v>
      </c>
      <c r="O94" s="36">
        <v>0</v>
      </c>
      <c r="P94" s="100">
        <v>0</v>
      </c>
      <c r="Q94" s="35">
        <v>0</v>
      </c>
      <c r="R94" s="36">
        <v>0</v>
      </c>
      <c r="S94" s="100">
        <v>0</v>
      </c>
      <c r="T94" s="35">
        <v>0</v>
      </c>
      <c r="U94" s="36">
        <v>0</v>
      </c>
      <c r="V94" s="100">
        <v>0</v>
      </c>
      <c r="W94" s="35">
        <v>0</v>
      </c>
      <c r="X94" s="36">
        <v>0</v>
      </c>
      <c r="Y94" s="100">
        <v>0</v>
      </c>
      <c r="Z94" s="35">
        <v>0</v>
      </c>
      <c r="AA94" s="36">
        <v>0</v>
      </c>
    </row>
    <row r="95" spans="1:27" s="12" customFormat="1" ht="12" thickBot="1" x14ac:dyDescent="0.3">
      <c r="A95" s="152"/>
      <c r="B95" s="155"/>
      <c r="C95" s="43" t="s">
        <v>65</v>
      </c>
      <c r="D95" s="44">
        <v>0.94</v>
      </c>
      <c r="E95" s="97">
        <v>0</v>
      </c>
      <c r="F95" s="98">
        <v>0.94</v>
      </c>
      <c r="G95" s="101">
        <v>0.94</v>
      </c>
      <c r="H95" s="49">
        <v>0</v>
      </c>
      <c r="I95" s="48">
        <v>0.94</v>
      </c>
      <c r="J95" s="101">
        <v>0</v>
      </c>
      <c r="K95" s="49">
        <v>0</v>
      </c>
      <c r="L95" s="48">
        <v>0</v>
      </c>
      <c r="M95" s="101">
        <v>0</v>
      </c>
      <c r="N95" s="49">
        <v>0</v>
      </c>
      <c r="O95" s="48">
        <v>0</v>
      </c>
      <c r="P95" s="101">
        <v>0</v>
      </c>
      <c r="Q95" s="49">
        <v>0</v>
      </c>
      <c r="R95" s="48">
        <v>0</v>
      </c>
      <c r="S95" s="101">
        <v>0</v>
      </c>
      <c r="T95" s="49">
        <v>0</v>
      </c>
      <c r="U95" s="48">
        <v>0</v>
      </c>
      <c r="V95" s="101">
        <v>0</v>
      </c>
      <c r="W95" s="49">
        <v>0</v>
      </c>
      <c r="X95" s="48">
        <v>0</v>
      </c>
      <c r="Y95" s="101">
        <v>0</v>
      </c>
      <c r="Z95" s="49">
        <v>0</v>
      </c>
      <c r="AA95" s="48">
        <v>0</v>
      </c>
    </row>
    <row r="96" spans="1:27" s="12" customFormat="1" ht="11.25" x14ac:dyDescent="0.25">
      <c r="A96" s="150">
        <v>28</v>
      </c>
      <c r="B96" s="153" t="s">
        <v>72</v>
      </c>
      <c r="C96" s="37" t="s">
        <v>44</v>
      </c>
      <c r="D96" s="38">
        <v>65.213677777777775</v>
      </c>
      <c r="E96" s="91">
        <v>58.292566666666666</v>
      </c>
      <c r="F96" s="92">
        <v>6.9211111111111112</v>
      </c>
      <c r="G96" s="93">
        <v>53.912522222222215</v>
      </c>
      <c r="H96" s="39">
        <v>48.151411111111102</v>
      </c>
      <c r="I96" s="40">
        <v>5.7611111111111111</v>
      </c>
      <c r="J96" s="93">
        <v>0.49</v>
      </c>
      <c r="K96" s="39">
        <v>0.49</v>
      </c>
      <c r="L96" s="40">
        <v>0</v>
      </c>
      <c r="M96" s="93">
        <v>10.191155555555554</v>
      </c>
      <c r="N96" s="39">
        <v>9.0311555555555536</v>
      </c>
      <c r="O96" s="40">
        <v>1.1600000000000001</v>
      </c>
      <c r="P96" s="93">
        <v>0.44999999999999996</v>
      </c>
      <c r="Q96" s="39">
        <v>0.44999999999999996</v>
      </c>
      <c r="R96" s="40">
        <v>0</v>
      </c>
      <c r="S96" s="93">
        <v>0.17</v>
      </c>
      <c r="T96" s="39">
        <v>0.17</v>
      </c>
      <c r="U96" s="40">
        <v>0</v>
      </c>
      <c r="V96" s="93">
        <v>0</v>
      </c>
      <c r="W96" s="39">
        <v>0</v>
      </c>
      <c r="X96" s="40">
        <v>0</v>
      </c>
      <c r="Y96" s="93">
        <v>0</v>
      </c>
      <c r="Z96" s="39">
        <v>0</v>
      </c>
      <c r="AA96" s="40">
        <v>0</v>
      </c>
    </row>
    <row r="97" spans="1:27" s="12" customFormat="1" ht="11.25" x14ac:dyDescent="0.25">
      <c r="A97" s="151"/>
      <c r="B97" s="154"/>
      <c r="C97" s="13" t="s">
        <v>63</v>
      </c>
      <c r="D97" s="18">
        <v>6.8337000000000003</v>
      </c>
      <c r="E97" s="7">
        <v>4.9637000000000002</v>
      </c>
      <c r="F97" s="8">
        <v>1.87</v>
      </c>
      <c r="G97" s="100">
        <v>5.8837000000000002</v>
      </c>
      <c r="H97" s="35">
        <v>4.3437000000000001</v>
      </c>
      <c r="I97" s="36">
        <v>1.54</v>
      </c>
      <c r="J97" s="100">
        <v>0</v>
      </c>
      <c r="K97" s="35">
        <v>0</v>
      </c>
      <c r="L97" s="36">
        <v>0</v>
      </c>
      <c r="M97" s="100">
        <v>0.95</v>
      </c>
      <c r="N97" s="35">
        <v>0.62</v>
      </c>
      <c r="O97" s="36">
        <v>0.33</v>
      </c>
      <c r="P97" s="100">
        <v>0</v>
      </c>
      <c r="Q97" s="35">
        <v>0</v>
      </c>
      <c r="R97" s="36">
        <v>0</v>
      </c>
      <c r="S97" s="100">
        <v>0</v>
      </c>
      <c r="T97" s="35">
        <v>0</v>
      </c>
      <c r="U97" s="36">
        <v>0</v>
      </c>
      <c r="V97" s="100">
        <v>0</v>
      </c>
      <c r="W97" s="35">
        <v>0</v>
      </c>
      <c r="X97" s="36">
        <v>0</v>
      </c>
      <c r="Y97" s="100">
        <v>0</v>
      </c>
      <c r="Z97" s="35">
        <v>0</v>
      </c>
      <c r="AA97" s="36">
        <v>0</v>
      </c>
    </row>
    <row r="98" spans="1:27" s="12" customFormat="1" ht="11.25" x14ac:dyDescent="0.25">
      <c r="A98" s="151"/>
      <c r="B98" s="154"/>
      <c r="C98" s="13" t="s">
        <v>64</v>
      </c>
      <c r="D98" s="18">
        <v>2.4700000000000002</v>
      </c>
      <c r="E98" s="7">
        <v>2.4700000000000002</v>
      </c>
      <c r="F98" s="8">
        <v>0</v>
      </c>
      <c r="G98" s="100">
        <v>2.1</v>
      </c>
      <c r="H98" s="35">
        <v>2.1</v>
      </c>
      <c r="I98" s="36">
        <v>0</v>
      </c>
      <c r="J98" s="100">
        <v>0</v>
      </c>
      <c r="K98" s="35">
        <v>0</v>
      </c>
      <c r="L98" s="36">
        <v>0</v>
      </c>
      <c r="M98" s="100">
        <v>0.37</v>
      </c>
      <c r="N98" s="35">
        <v>0.37</v>
      </c>
      <c r="O98" s="36">
        <v>0</v>
      </c>
      <c r="P98" s="100">
        <v>0</v>
      </c>
      <c r="Q98" s="35">
        <v>0</v>
      </c>
      <c r="R98" s="36">
        <v>0</v>
      </c>
      <c r="S98" s="100">
        <v>0</v>
      </c>
      <c r="T98" s="35">
        <v>0</v>
      </c>
      <c r="U98" s="36">
        <v>0</v>
      </c>
      <c r="V98" s="100">
        <v>0</v>
      </c>
      <c r="W98" s="35">
        <v>0</v>
      </c>
      <c r="X98" s="36">
        <v>0</v>
      </c>
      <c r="Y98" s="100">
        <v>0</v>
      </c>
      <c r="Z98" s="35">
        <v>0</v>
      </c>
      <c r="AA98" s="36">
        <v>0</v>
      </c>
    </row>
    <row r="99" spans="1:27" s="12" customFormat="1" ht="12" thickBot="1" x14ac:dyDescent="0.3">
      <c r="A99" s="152"/>
      <c r="B99" s="155"/>
      <c r="C99" s="43" t="s">
        <v>65</v>
      </c>
      <c r="D99" s="44">
        <v>3.4226999999999999</v>
      </c>
      <c r="E99" s="97">
        <v>2.7426999999999997</v>
      </c>
      <c r="F99" s="98">
        <v>0.68000000000000016</v>
      </c>
      <c r="G99" s="101">
        <v>2.8626999999999998</v>
      </c>
      <c r="H99" s="49">
        <v>2.2426999999999997</v>
      </c>
      <c r="I99" s="48">
        <v>0.62000000000000011</v>
      </c>
      <c r="J99" s="101">
        <v>0</v>
      </c>
      <c r="K99" s="49">
        <v>0</v>
      </c>
      <c r="L99" s="48">
        <v>0</v>
      </c>
      <c r="M99" s="101">
        <v>0.5</v>
      </c>
      <c r="N99" s="49">
        <v>0.5</v>
      </c>
      <c r="O99" s="48">
        <v>0</v>
      </c>
      <c r="P99" s="101">
        <v>0</v>
      </c>
      <c r="Q99" s="49">
        <v>0</v>
      </c>
      <c r="R99" s="48">
        <v>0</v>
      </c>
      <c r="S99" s="101">
        <v>0.06</v>
      </c>
      <c r="T99" s="49">
        <v>0</v>
      </c>
      <c r="U99" s="48">
        <v>0.06</v>
      </c>
      <c r="V99" s="101">
        <v>0</v>
      </c>
      <c r="W99" s="49">
        <v>0</v>
      </c>
      <c r="X99" s="48">
        <v>0</v>
      </c>
      <c r="Y99" s="101">
        <v>0</v>
      </c>
      <c r="Z99" s="49">
        <v>0</v>
      </c>
      <c r="AA99" s="48">
        <v>0</v>
      </c>
    </row>
    <row r="100" spans="1:27" s="12" customFormat="1" ht="11.25" x14ac:dyDescent="0.25">
      <c r="A100" s="150">
        <v>29</v>
      </c>
      <c r="B100" s="153" t="s">
        <v>73</v>
      </c>
      <c r="C100" s="37" t="s">
        <v>44</v>
      </c>
      <c r="D100" s="38">
        <v>4839.6604900000002</v>
      </c>
      <c r="E100" s="91">
        <v>3152.4617355555561</v>
      </c>
      <c r="F100" s="92">
        <v>1687.1987544444444</v>
      </c>
      <c r="G100" s="93">
        <v>4101.7249900000006</v>
      </c>
      <c r="H100" s="39">
        <v>2728.186985555556</v>
      </c>
      <c r="I100" s="40">
        <v>1373.5380044444446</v>
      </c>
      <c r="J100" s="93">
        <v>36.973000000000006</v>
      </c>
      <c r="K100" s="39">
        <v>24.542999999999999</v>
      </c>
      <c r="L100" s="40">
        <v>12.430000000000001</v>
      </c>
      <c r="M100" s="93">
        <v>645.31141111111117</v>
      </c>
      <c r="N100" s="39">
        <v>367.76956111111116</v>
      </c>
      <c r="O100" s="40">
        <v>277.54184999999995</v>
      </c>
      <c r="P100" s="93">
        <v>32.261988888888887</v>
      </c>
      <c r="Q100" s="39">
        <v>24.689788888888888</v>
      </c>
      <c r="R100" s="40">
        <v>7.5722000000000005</v>
      </c>
      <c r="S100" s="93">
        <v>18.179100000000002</v>
      </c>
      <c r="T100" s="39">
        <v>5.9424000000000001</v>
      </c>
      <c r="U100" s="40">
        <v>12.236700000000001</v>
      </c>
      <c r="V100" s="93">
        <v>2.65</v>
      </c>
      <c r="W100" s="39">
        <v>0.82</v>
      </c>
      <c r="X100" s="40">
        <v>1.83</v>
      </c>
      <c r="Y100" s="93">
        <v>2.5599999999999996</v>
      </c>
      <c r="Z100" s="39">
        <v>0.51</v>
      </c>
      <c r="AA100" s="40">
        <v>2.0499999999999998</v>
      </c>
    </row>
    <row r="101" spans="1:27" s="12" customFormat="1" ht="11.25" x14ac:dyDescent="0.25">
      <c r="A101" s="151"/>
      <c r="B101" s="154"/>
      <c r="C101" s="13" t="s">
        <v>63</v>
      </c>
      <c r="D101" s="18">
        <v>298.41989999999998</v>
      </c>
      <c r="E101" s="7">
        <v>173.227</v>
      </c>
      <c r="F101" s="8">
        <v>125.19289999999998</v>
      </c>
      <c r="G101" s="100">
        <v>239.86249999999995</v>
      </c>
      <c r="H101" s="35">
        <v>144.9195</v>
      </c>
      <c r="I101" s="36">
        <v>94.942999999999984</v>
      </c>
      <c r="J101" s="100">
        <v>3.9860000000000002</v>
      </c>
      <c r="K101" s="35">
        <v>2.3759999999999999</v>
      </c>
      <c r="L101" s="36">
        <v>1.61</v>
      </c>
      <c r="M101" s="100">
        <v>48.371400000000008</v>
      </c>
      <c r="N101" s="35">
        <v>22.871500000000001</v>
      </c>
      <c r="O101" s="36">
        <v>25.4999</v>
      </c>
      <c r="P101" s="100">
        <v>1.1000000000000001</v>
      </c>
      <c r="Q101" s="35">
        <v>0.8899999999999999</v>
      </c>
      <c r="R101" s="36">
        <v>0.21000000000000002</v>
      </c>
      <c r="S101" s="100">
        <v>3.26</v>
      </c>
      <c r="T101" s="35">
        <v>1.28</v>
      </c>
      <c r="U101" s="36">
        <v>1.98</v>
      </c>
      <c r="V101" s="100">
        <v>0.72</v>
      </c>
      <c r="W101" s="35">
        <v>0</v>
      </c>
      <c r="X101" s="36">
        <v>0.72</v>
      </c>
      <c r="Y101" s="100">
        <v>1.1200000000000001</v>
      </c>
      <c r="Z101" s="35">
        <v>0.89</v>
      </c>
      <c r="AA101" s="36">
        <v>0.23</v>
      </c>
    </row>
    <row r="102" spans="1:27" s="12" customFormat="1" ht="11.25" x14ac:dyDescent="0.25">
      <c r="A102" s="151"/>
      <c r="B102" s="154"/>
      <c r="C102" s="13" t="s">
        <v>64</v>
      </c>
      <c r="D102" s="18">
        <v>25.345300000000002</v>
      </c>
      <c r="E102" s="7">
        <v>25.345300000000002</v>
      </c>
      <c r="F102" s="8">
        <v>0</v>
      </c>
      <c r="G102" s="100">
        <v>18.802</v>
      </c>
      <c r="H102" s="35">
        <v>18.802</v>
      </c>
      <c r="I102" s="36">
        <v>0</v>
      </c>
      <c r="J102" s="100">
        <v>0.5</v>
      </c>
      <c r="K102" s="35">
        <v>0.5</v>
      </c>
      <c r="L102" s="36">
        <v>0</v>
      </c>
      <c r="M102" s="100">
        <v>3.6032999999999999</v>
      </c>
      <c r="N102" s="35">
        <v>3.6032999999999999</v>
      </c>
      <c r="O102" s="36">
        <v>0</v>
      </c>
      <c r="P102" s="100">
        <v>1.5</v>
      </c>
      <c r="Q102" s="35">
        <v>1.5</v>
      </c>
      <c r="R102" s="36">
        <v>0</v>
      </c>
      <c r="S102" s="100">
        <v>0.94000000000000017</v>
      </c>
      <c r="T102" s="35">
        <v>0.94000000000000017</v>
      </c>
      <c r="U102" s="36">
        <v>0</v>
      </c>
      <c r="V102" s="100">
        <v>0</v>
      </c>
      <c r="W102" s="35">
        <v>0</v>
      </c>
      <c r="X102" s="36">
        <v>0</v>
      </c>
      <c r="Y102" s="100">
        <v>0</v>
      </c>
      <c r="Z102" s="35">
        <v>0</v>
      </c>
      <c r="AA102" s="36">
        <v>0</v>
      </c>
    </row>
    <row r="103" spans="1:27" s="12" customFormat="1" ht="12" thickBot="1" x14ac:dyDescent="0.3">
      <c r="A103" s="152"/>
      <c r="B103" s="155"/>
      <c r="C103" s="43" t="s">
        <v>65</v>
      </c>
      <c r="D103" s="44">
        <v>11.331099999999999</v>
      </c>
      <c r="E103" s="97">
        <v>6.1711</v>
      </c>
      <c r="F103" s="98">
        <v>5.16</v>
      </c>
      <c r="G103" s="101">
        <v>8.7411000000000012</v>
      </c>
      <c r="H103" s="49">
        <v>4.9211</v>
      </c>
      <c r="I103" s="48">
        <v>3.8200000000000003</v>
      </c>
      <c r="J103" s="101">
        <v>0.06</v>
      </c>
      <c r="K103" s="49">
        <v>0.06</v>
      </c>
      <c r="L103" s="48">
        <v>0</v>
      </c>
      <c r="M103" s="101">
        <v>1.57</v>
      </c>
      <c r="N103" s="49">
        <v>0.74</v>
      </c>
      <c r="O103" s="48">
        <v>0.83000000000000007</v>
      </c>
      <c r="P103" s="101">
        <v>0.11</v>
      </c>
      <c r="Q103" s="49">
        <v>0.11</v>
      </c>
      <c r="R103" s="48">
        <v>0</v>
      </c>
      <c r="S103" s="101">
        <v>0.46000000000000008</v>
      </c>
      <c r="T103" s="49">
        <v>0.17</v>
      </c>
      <c r="U103" s="48">
        <v>0.29000000000000004</v>
      </c>
      <c r="V103" s="101">
        <v>0.17</v>
      </c>
      <c r="W103" s="49">
        <v>0.17</v>
      </c>
      <c r="X103" s="48">
        <v>0</v>
      </c>
      <c r="Y103" s="101">
        <v>0.22</v>
      </c>
      <c r="Z103" s="49">
        <v>0</v>
      </c>
      <c r="AA103" s="48">
        <v>0.22</v>
      </c>
    </row>
    <row r="104" spans="1:27" s="12" customFormat="1" ht="11.25" x14ac:dyDescent="0.25">
      <c r="A104" s="150">
        <v>30</v>
      </c>
      <c r="B104" s="153" t="s">
        <v>74</v>
      </c>
      <c r="C104" s="37" t="s">
        <v>63</v>
      </c>
      <c r="D104" s="38">
        <v>61.2727</v>
      </c>
      <c r="E104" s="91">
        <v>27.913900000000002</v>
      </c>
      <c r="F104" s="92">
        <v>33.358800000000002</v>
      </c>
      <c r="G104" s="93">
        <v>45.473700000000008</v>
      </c>
      <c r="H104" s="39">
        <v>22.148200000000003</v>
      </c>
      <c r="I104" s="40">
        <v>23.325500000000005</v>
      </c>
      <c r="J104" s="93">
        <v>1.048</v>
      </c>
      <c r="K104" s="39">
        <v>0.48799999999999999</v>
      </c>
      <c r="L104" s="40">
        <v>0.56000000000000005</v>
      </c>
      <c r="M104" s="93">
        <v>12.379900000000003</v>
      </c>
      <c r="N104" s="39">
        <v>4.6677</v>
      </c>
      <c r="O104" s="40">
        <v>7.7122000000000011</v>
      </c>
      <c r="P104" s="93">
        <v>0.27</v>
      </c>
      <c r="Q104" s="39">
        <v>0.27</v>
      </c>
      <c r="R104" s="40">
        <v>0</v>
      </c>
      <c r="S104" s="93">
        <v>1.3311000000000002</v>
      </c>
      <c r="T104" s="39">
        <v>0.06</v>
      </c>
      <c r="U104" s="40">
        <v>1.2711000000000001</v>
      </c>
      <c r="V104" s="93">
        <v>0.1</v>
      </c>
      <c r="W104" s="39">
        <v>0</v>
      </c>
      <c r="X104" s="40">
        <v>0.1</v>
      </c>
      <c r="Y104" s="93">
        <v>0.67</v>
      </c>
      <c r="Z104" s="39">
        <v>0.28000000000000003</v>
      </c>
      <c r="AA104" s="40">
        <v>0.39</v>
      </c>
    </row>
    <row r="105" spans="1:27" s="12" customFormat="1" ht="11.25" x14ac:dyDescent="0.25">
      <c r="A105" s="151"/>
      <c r="B105" s="154"/>
      <c r="C105" s="13" t="s">
        <v>64</v>
      </c>
      <c r="D105" s="18">
        <v>10.7193</v>
      </c>
      <c r="E105" s="7">
        <v>6.7481999999999998</v>
      </c>
      <c r="F105" s="8">
        <v>3.9711000000000003</v>
      </c>
      <c r="G105" s="100">
        <v>6.9782000000000002</v>
      </c>
      <c r="H105" s="35">
        <v>4.0971000000000002</v>
      </c>
      <c r="I105" s="36">
        <v>2.8811</v>
      </c>
      <c r="J105" s="100">
        <v>0</v>
      </c>
      <c r="K105" s="35">
        <v>0</v>
      </c>
      <c r="L105" s="36">
        <v>0</v>
      </c>
      <c r="M105" s="100">
        <v>1.9211</v>
      </c>
      <c r="N105" s="35">
        <v>1.3210999999999999</v>
      </c>
      <c r="O105" s="36">
        <v>0.6</v>
      </c>
      <c r="P105" s="100">
        <v>0.89</v>
      </c>
      <c r="Q105" s="35">
        <v>0.89</v>
      </c>
      <c r="R105" s="36">
        <v>0</v>
      </c>
      <c r="S105" s="100">
        <v>0.38</v>
      </c>
      <c r="T105" s="35">
        <v>0.11</v>
      </c>
      <c r="U105" s="36">
        <v>0.27</v>
      </c>
      <c r="V105" s="100">
        <v>0.22</v>
      </c>
      <c r="W105" s="35">
        <v>0</v>
      </c>
      <c r="X105" s="36">
        <v>0.22</v>
      </c>
      <c r="Y105" s="100">
        <v>0.33</v>
      </c>
      <c r="Z105" s="35">
        <v>0.33</v>
      </c>
      <c r="AA105" s="36">
        <v>0</v>
      </c>
    </row>
    <row r="106" spans="1:27" s="12" customFormat="1" ht="12" thickBot="1" x14ac:dyDescent="0.3">
      <c r="A106" s="151"/>
      <c r="B106" s="154"/>
      <c r="C106" s="13" t="s">
        <v>65</v>
      </c>
      <c r="D106" s="18">
        <v>15.913699999999999</v>
      </c>
      <c r="E106" s="7">
        <v>7.9815999999999994</v>
      </c>
      <c r="F106" s="8">
        <v>7.9321000000000002</v>
      </c>
      <c r="G106" s="100">
        <v>9.8537999999999997</v>
      </c>
      <c r="H106" s="35">
        <v>5.4271999999999991</v>
      </c>
      <c r="I106" s="36">
        <v>4.4266000000000005</v>
      </c>
      <c r="J106" s="100">
        <v>0</v>
      </c>
      <c r="K106" s="35">
        <v>0</v>
      </c>
      <c r="L106" s="36">
        <v>0</v>
      </c>
      <c r="M106" s="100">
        <v>2.2744</v>
      </c>
      <c r="N106" s="35">
        <v>1.2744</v>
      </c>
      <c r="O106" s="36">
        <v>1</v>
      </c>
      <c r="P106" s="100">
        <v>0.45</v>
      </c>
      <c r="Q106" s="35">
        <v>0.28000000000000003</v>
      </c>
      <c r="R106" s="36">
        <v>0.17</v>
      </c>
      <c r="S106" s="100">
        <v>1.1200000000000001</v>
      </c>
      <c r="T106" s="35">
        <v>0.55000000000000004</v>
      </c>
      <c r="U106" s="36">
        <v>0.56999999999999995</v>
      </c>
      <c r="V106" s="100">
        <v>0.11</v>
      </c>
      <c r="W106" s="35">
        <v>0</v>
      </c>
      <c r="X106" s="36">
        <v>0.11</v>
      </c>
      <c r="Y106" s="100">
        <v>2.1055000000000001</v>
      </c>
      <c r="Z106" s="35">
        <v>0.45</v>
      </c>
      <c r="AA106" s="36">
        <v>1.6555000000000002</v>
      </c>
    </row>
    <row r="107" spans="1:27" s="12" customFormat="1" ht="16.5" customHeight="1" x14ac:dyDescent="0.25">
      <c r="A107" s="156">
        <v>31</v>
      </c>
      <c r="B107" s="159" t="s">
        <v>75</v>
      </c>
      <c r="C107" s="37" t="s">
        <v>44</v>
      </c>
      <c r="D107" s="38">
        <v>1594.0587743333333</v>
      </c>
      <c r="E107" s="7">
        <v>789.19508333333329</v>
      </c>
      <c r="F107" s="8">
        <v>804.86369100000002</v>
      </c>
      <c r="G107" s="9">
        <v>1087.7639965555554</v>
      </c>
      <c r="H107" s="39">
        <v>539.83997222222217</v>
      </c>
      <c r="I107" s="40">
        <v>547.92402433333325</v>
      </c>
      <c r="J107" s="9">
        <v>17.369955555555556</v>
      </c>
      <c r="K107" s="39">
        <v>10.860000000000001</v>
      </c>
      <c r="L107" s="40">
        <v>6.5099555555555551</v>
      </c>
      <c r="M107" s="9">
        <v>441.9115888888889</v>
      </c>
      <c r="N107" s="39">
        <v>219.41630000000001</v>
      </c>
      <c r="O107" s="40">
        <v>222.49528888888887</v>
      </c>
      <c r="P107" s="9">
        <v>24.675466666666665</v>
      </c>
      <c r="Q107" s="39">
        <v>13.647700000000002</v>
      </c>
      <c r="R107" s="40">
        <v>11.027766666666665</v>
      </c>
      <c r="S107" s="9">
        <v>17.236666666666668</v>
      </c>
      <c r="T107" s="39">
        <v>3.511111111111112</v>
      </c>
      <c r="U107" s="40">
        <v>13.725555555555557</v>
      </c>
      <c r="V107" s="9">
        <v>0.83</v>
      </c>
      <c r="W107" s="39">
        <v>0.11</v>
      </c>
      <c r="X107" s="40">
        <v>0.72</v>
      </c>
      <c r="Y107" s="9">
        <v>4.2711000000000006</v>
      </c>
      <c r="Z107" s="39">
        <v>1.81</v>
      </c>
      <c r="AA107" s="40">
        <v>2.461100000000001</v>
      </c>
    </row>
    <row r="108" spans="1:27" s="12" customFormat="1" ht="15.75" customHeight="1" x14ac:dyDescent="0.25">
      <c r="A108" s="157"/>
      <c r="B108" s="160"/>
      <c r="C108" s="13" t="s">
        <v>63</v>
      </c>
      <c r="D108" s="18">
        <v>93.983100000000007</v>
      </c>
      <c r="E108" s="7">
        <v>43.120400000000004</v>
      </c>
      <c r="F108" s="8">
        <v>50.862700000000004</v>
      </c>
      <c r="G108" s="9">
        <v>60.89520000000001</v>
      </c>
      <c r="H108" s="16">
        <v>29.389200000000002</v>
      </c>
      <c r="I108" s="17">
        <v>31.506</v>
      </c>
      <c r="J108" s="9">
        <v>1.72</v>
      </c>
      <c r="K108" s="16">
        <v>0.22</v>
      </c>
      <c r="L108" s="17">
        <v>1.5</v>
      </c>
      <c r="M108" s="9">
        <v>26.972300000000001</v>
      </c>
      <c r="N108" s="16">
        <v>11.671200000000001</v>
      </c>
      <c r="O108" s="17">
        <v>15.3011</v>
      </c>
      <c r="P108" s="9">
        <v>1.55</v>
      </c>
      <c r="Q108" s="16">
        <v>0.78</v>
      </c>
      <c r="R108" s="17">
        <v>0.77</v>
      </c>
      <c r="S108" s="9">
        <v>1.9956</v>
      </c>
      <c r="T108" s="16">
        <v>0.67000000000000015</v>
      </c>
      <c r="U108" s="17">
        <v>1.3255999999999999</v>
      </c>
      <c r="V108" s="9">
        <v>0.12</v>
      </c>
      <c r="W108" s="16">
        <v>0</v>
      </c>
      <c r="X108" s="17">
        <v>0.12</v>
      </c>
      <c r="Y108" s="9">
        <v>0.73</v>
      </c>
      <c r="Z108" s="16">
        <v>0.39</v>
      </c>
      <c r="AA108" s="17">
        <v>0.33999999999999997</v>
      </c>
    </row>
    <row r="109" spans="1:27" s="12" customFormat="1" ht="17.25" customHeight="1" x14ac:dyDescent="0.25">
      <c r="A109" s="157"/>
      <c r="B109" s="160"/>
      <c r="C109" s="13" t="s">
        <v>64</v>
      </c>
      <c r="D109" s="18">
        <v>11.802200000000001</v>
      </c>
      <c r="E109" s="7">
        <v>11.5822</v>
      </c>
      <c r="F109" s="8">
        <v>0.22</v>
      </c>
      <c r="G109" s="9">
        <v>8.8222000000000005</v>
      </c>
      <c r="H109" s="16">
        <v>8.6021999999999998</v>
      </c>
      <c r="I109" s="17">
        <v>0.22</v>
      </c>
      <c r="J109" s="9">
        <v>0.44</v>
      </c>
      <c r="K109" s="16">
        <v>0.44</v>
      </c>
      <c r="L109" s="17">
        <v>0</v>
      </c>
      <c r="M109" s="9">
        <v>1.8800000000000001</v>
      </c>
      <c r="N109" s="16">
        <v>1.8800000000000001</v>
      </c>
      <c r="O109" s="17">
        <v>0</v>
      </c>
      <c r="P109" s="9">
        <v>0</v>
      </c>
      <c r="Q109" s="16">
        <v>0</v>
      </c>
      <c r="R109" s="17">
        <v>0</v>
      </c>
      <c r="S109" s="9">
        <v>0.22</v>
      </c>
      <c r="T109" s="16">
        <v>0.22</v>
      </c>
      <c r="U109" s="17">
        <v>0</v>
      </c>
      <c r="V109" s="9">
        <v>0</v>
      </c>
      <c r="W109" s="16">
        <v>0</v>
      </c>
      <c r="X109" s="17">
        <v>0</v>
      </c>
      <c r="Y109" s="9">
        <v>0.44</v>
      </c>
      <c r="Z109" s="16">
        <v>0.44</v>
      </c>
      <c r="AA109" s="17">
        <v>0</v>
      </c>
    </row>
    <row r="110" spans="1:27" s="12" customFormat="1" ht="23.25" customHeight="1" thickBot="1" x14ac:dyDescent="0.3">
      <c r="A110" s="158"/>
      <c r="B110" s="161"/>
      <c r="C110" s="43" t="s">
        <v>65</v>
      </c>
      <c r="D110" s="44">
        <v>1.35</v>
      </c>
      <c r="E110" s="7">
        <v>0.57000000000000006</v>
      </c>
      <c r="F110" s="8">
        <v>0.78</v>
      </c>
      <c r="G110" s="9">
        <v>0.68</v>
      </c>
      <c r="H110" s="45">
        <v>0.18</v>
      </c>
      <c r="I110" s="46">
        <v>0.5</v>
      </c>
      <c r="J110" s="9">
        <v>0</v>
      </c>
      <c r="K110" s="45">
        <v>0</v>
      </c>
      <c r="L110" s="46">
        <v>0</v>
      </c>
      <c r="M110" s="9">
        <v>0.50000000000000011</v>
      </c>
      <c r="N110" s="45">
        <v>0.39</v>
      </c>
      <c r="O110" s="46">
        <v>0.11</v>
      </c>
      <c r="P110" s="9">
        <v>0</v>
      </c>
      <c r="Q110" s="45">
        <v>0</v>
      </c>
      <c r="R110" s="46">
        <v>0</v>
      </c>
      <c r="S110" s="9">
        <v>0.11</v>
      </c>
      <c r="T110" s="45">
        <v>0</v>
      </c>
      <c r="U110" s="46">
        <v>0.11</v>
      </c>
      <c r="V110" s="9">
        <v>0</v>
      </c>
      <c r="W110" s="45">
        <v>0</v>
      </c>
      <c r="X110" s="46">
        <v>0</v>
      </c>
      <c r="Y110" s="9">
        <v>0.06</v>
      </c>
      <c r="Z110" s="45">
        <v>0</v>
      </c>
      <c r="AA110" s="46">
        <v>0.06</v>
      </c>
    </row>
    <row r="111" spans="1:27" s="12" customFormat="1" ht="11.25" customHeight="1" x14ac:dyDescent="0.25">
      <c r="A111" s="156">
        <v>32</v>
      </c>
      <c r="B111" s="159" t="s">
        <v>76</v>
      </c>
      <c r="C111" s="37" t="s">
        <v>44</v>
      </c>
      <c r="D111" s="38">
        <v>1587.3582533333336</v>
      </c>
      <c r="E111" s="7">
        <v>1358.4327116666668</v>
      </c>
      <c r="F111" s="8">
        <v>228.9255416666667</v>
      </c>
      <c r="G111" s="9">
        <v>1210.6817666666666</v>
      </c>
      <c r="H111" s="39">
        <v>1043.4977916666667</v>
      </c>
      <c r="I111" s="40">
        <v>167.18397500000003</v>
      </c>
      <c r="J111" s="9">
        <v>13.34</v>
      </c>
      <c r="K111" s="39">
        <v>10.549999999999999</v>
      </c>
      <c r="L111" s="40">
        <v>2.79</v>
      </c>
      <c r="M111" s="9">
        <v>279.24385333333333</v>
      </c>
      <c r="N111" s="39">
        <v>238.2164866666667</v>
      </c>
      <c r="O111" s="40">
        <v>41.027366666666673</v>
      </c>
      <c r="P111" s="9">
        <v>48.966766666666665</v>
      </c>
      <c r="Q111" s="39">
        <v>41.609766666666658</v>
      </c>
      <c r="R111" s="40">
        <v>7.3569999999999993</v>
      </c>
      <c r="S111" s="9">
        <v>31.025866666666662</v>
      </c>
      <c r="T111" s="39">
        <v>21.858666666666664</v>
      </c>
      <c r="U111" s="40">
        <v>9.1671999999999976</v>
      </c>
      <c r="V111" s="9">
        <v>2.04</v>
      </c>
      <c r="W111" s="39">
        <v>1.3800000000000001</v>
      </c>
      <c r="X111" s="40">
        <v>0.66</v>
      </c>
      <c r="Y111" s="9">
        <v>2.06</v>
      </c>
      <c r="Z111" s="39">
        <v>1.32</v>
      </c>
      <c r="AA111" s="40">
        <v>0.74</v>
      </c>
    </row>
    <row r="112" spans="1:27" s="12" customFormat="1" ht="11.25" x14ac:dyDescent="0.25">
      <c r="A112" s="157"/>
      <c r="B112" s="160"/>
      <c r="C112" s="13" t="s">
        <v>63</v>
      </c>
      <c r="D112" s="18">
        <v>91.328199999999995</v>
      </c>
      <c r="E112" s="7">
        <v>73.873899999999992</v>
      </c>
      <c r="F112" s="8">
        <v>17.454300000000003</v>
      </c>
      <c r="G112" s="9">
        <v>64.502800000000008</v>
      </c>
      <c r="H112" s="16">
        <v>52.2196</v>
      </c>
      <c r="I112" s="17">
        <v>12.283200000000001</v>
      </c>
      <c r="J112" s="9">
        <v>0</v>
      </c>
      <c r="K112" s="16">
        <v>0</v>
      </c>
      <c r="L112" s="17">
        <v>0</v>
      </c>
      <c r="M112" s="9">
        <v>19.488700000000001</v>
      </c>
      <c r="N112" s="16">
        <v>15.787600000000001</v>
      </c>
      <c r="O112" s="17">
        <v>3.7011000000000003</v>
      </c>
      <c r="P112" s="9">
        <v>2.75</v>
      </c>
      <c r="Q112" s="16">
        <v>2.5499999999999998</v>
      </c>
      <c r="R112" s="17">
        <v>0.2</v>
      </c>
      <c r="S112" s="9">
        <v>3.8967000000000001</v>
      </c>
      <c r="T112" s="16">
        <v>2.9567000000000001</v>
      </c>
      <c r="U112" s="17">
        <v>0.94000000000000006</v>
      </c>
      <c r="V112" s="9">
        <v>0.33</v>
      </c>
      <c r="W112" s="16">
        <v>0.05</v>
      </c>
      <c r="X112" s="17">
        <v>0.28000000000000003</v>
      </c>
      <c r="Y112" s="9">
        <v>0.36</v>
      </c>
      <c r="Z112" s="16">
        <v>0.31</v>
      </c>
      <c r="AA112" s="17">
        <v>0.05</v>
      </c>
    </row>
    <row r="113" spans="1:27" s="12" customFormat="1" ht="11.25" x14ac:dyDescent="0.25">
      <c r="A113" s="157"/>
      <c r="B113" s="160"/>
      <c r="C113" s="13" t="s">
        <v>64</v>
      </c>
      <c r="D113" s="18">
        <v>6.49</v>
      </c>
      <c r="E113" s="7">
        <v>6.49</v>
      </c>
      <c r="F113" s="8">
        <v>0</v>
      </c>
      <c r="G113" s="9">
        <v>5.2200000000000006</v>
      </c>
      <c r="H113" s="16">
        <v>5.2200000000000006</v>
      </c>
      <c r="I113" s="17">
        <v>0</v>
      </c>
      <c r="J113" s="9">
        <v>0.22</v>
      </c>
      <c r="K113" s="16">
        <v>0.22</v>
      </c>
      <c r="L113" s="17">
        <v>0</v>
      </c>
      <c r="M113" s="9">
        <v>0.72000000000000008</v>
      </c>
      <c r="N113" s="16">
        <v>0.72000000000000008</v>
      </c>
      <c r="O113" s="17">
        <v>0</v>
      </c>
      <c r="P113" s="9">
        <v>0.33</v>
      </c>
      <c r="Q113" s="16">
        <v>0.33</v>
      </c>
      <c r="R113" s="17">
        <v>0</v>
      </c>
      <c r="S113" s="9">
        <v>0</v>
      </c>
      <c r="T113" s="16">
        <v>0</v>
      </c>
      <c r="U113" s="17">
        <v>0</v>
      </c>
      <c r="V113" s="9">
        <v>0</v>
      </c>
      <c r="W113" s="16">
        <v>0</v>
      </c>
      <c r="X113" s="17">
        <v>0</v>
      </c>
      <c r="Y113" s="9">
        <v>0</v>
      </c>
      <c r="Z113" s="16">
        <v>0</v>
      </c>
      <c r="AA113" s="17">
        <v>0</v>
      </c>
    </row>
    <row r="114" spans="1:27" s="12" customFormat="1" ht="29.25" customHeight="1" thickBot="1" x14ac:dyDescent="0.3">
      <c r="A114" s="158"/>
      <c r="B114" s="161"/>
      <c r="C114" s="43" t="s">
        <v>65</v>
      </c>
      <c r="D114" s="44">
        <v>4.7622</v>
      </c>
      <c r="E114" s="7">
        <v>3.83</v>
      </c>
      <c r="F114" s="8">
        <v>0.93220000000000003</v>
      </c>
      <c r="G114" s="9">
        <v>2.9910999999999999</v>
      </c>
      <c r="H114" s="45">
        <v>2.5</v>
      </c>
      <c r="I114" s="46">
        <v>0.49109999999999998</v>
      </c>
      <c r="J114" s="9">
        <v>0</v>
      </c>
      <c r="K114" s="45">
        <v>0</v>
      </c>
      <c r="L114" s="46">
        <v>0</v>
      </c>
      <c r="M114" s="9">
        <v>1.04</v>
      </c>
      <c r="N114" s="45">
        <v>1.04</v>
      </c>
      <c r="O114" s="46">
        <v>0</v>
      </c>
      <c r="P114" s="9">
        <v>0.17</v>
      </c>
      <c r="Q114" s="45">
        <v>0.17</v>
      </c>
      <c r="R114" s="46">
        <v>0</v>
      </c>
      <c r="S114" s="9">
        <v>0.56110000000000004</v>
      </c>
      <c r="T114" s="45">
        <v>0.12</v>
      </c>
      <c r="U114" s="46">
        <v>0.44110000000000005</v>
      </c>
      <c r="V114" s="9">
        <v>0</v>
      </c>
      <c r="W114" s="45">
        <v>0</v>
      </c>
      <c r="X114" s="46">
        <v>0</v>
      </c>
      <c r="Y114" s="9">
        <v>0</v>
      </c>
      <c r="Z114" s="45">
        <v>0</v>
      </c>
      <c r="AA114" s="46">
        <v>0</v>
      </c>
    </row>
    <row r="115" spans="1:27" s="12" customFormat="1" ht="11.25" x14ac:dyDescent="0.25">
      <c r="A115" s="156">
        <v>33</v>
      </c>
      <c r="B115" s="159" t="s">
        <v>77</v>
      </c>
      <c r="C115" s="37" t="s">
        <v>44</v>
      </c>
      <c r="D115" s="38">
        <v>134.20275555555546</v>
      </c>
      <c r="E115" s="7">
        <v>133.74275555555545</v>
      </c>
      <c r="F115" s="8">
        <v>0.46000000000000008</v>
      </c>
      <c r="G115" s="9">
        <v>120.96301111111102</v>
      </c>
      <c r="H115" s="39">
        <v>120.62301111111101</v>
      </c>
      <c r="I115" s="40">
        <v>0.34</v>
      </c>
      <c r="J115" s="9">
        <v>0.05</v>
      </c>
      <c r="K115" s="39">
        <v>0.05</v>
      </c>
      <c r="L115" s="40">
        <v>0</v>
      </c>
      <c r="M115" s="9">
        <v>6.5753000000000004</v>
      </c>
      <c r="N115" s="39">
        <v>6.5552999999999999</v>
      </c>
      <c r="O115" s="40">
        <v>0.02</v>
      </c>
      <c r="P115" s="9">
        <v>6.2944444444444443</v>
      </c>
      <c r="Q115" s="39">
        <v>6.1944444444444446</v>
      </c>
      <c r="R115" s="40">
        <v>0.1</v>
      </c>
      <c r="S115" s="9">
        <v>0.03</v>
      </c>
      <c r="T115" s="39">
        <v>0.03</v>
      </c>
      <c r="U115" s="40">
        <v>0</v>
      </c>
      <c r="V115" s="9">
        <v>0</v>
      </c>
      <c r="W115" s="39">
        <v>0</v>
      </c>
      <c r="X115" s="40">
        <v>0</v>
      </c>
      <c r="Y115" s="9">
        <v>0.28999999999999998</v>
      </c>
      <c r="Z115" s="39">
        <v>0.28999999999999998</v>
      </c>
      <c r="AA115" s="40">
        <v>0</v>
      </c>
    </row>
    <row r="116" spans="1:27" s="12" customFormat="1" ht="11.25" x14ac:dyDescent="0.25">
      <c r="A116" s="157"/>
      <c r="B116" s="160"/>
      <c r="C116" s="13" t="s">
        <v>63</v>
      </c>
      <c r="D116" s="18">
        <v>6.4240000000000013</v>
      </c>
      <c r="E116" s="7">
        <v>6.4240000000000013</v>
      </c>
      <c r="F116" s="8">
        <v>0</v>
      </c>
      <c r="G116" s="9">
        <v>6.2840000000000007</v>
      </c>
      <c r="H116" s="16">
        <v>6.2840000000000007</v>
      </c>
      <c r="I116" s="17">
        <v>0</v>
      </c>
      <c r="J116" s="9">
        <v>0</v>
      </c>
      <c r="K116" s="16">
        <v>0</v>
      </c>
      <c r="L116" s="17">
        <v>0</v>
      </c>
      <c r="M116" s="9">
        <v>0.11</v>
      </c>
      <c r="N116" s="16">
        <v>0.11</v>
      </c>
      <c r="O116" s="17">
        <v>0</v>
      </c>
      <c r="P116" s="9">
        <v>0.03</v>
      </c>
      <c r="Q116" s="16">
        <v>0.03</v>
      </c>
      <c r="R116" s="17">
        <v>0</v>
      </c>
      <c r="S116" s="9">
        <v>0</v>
      </c>
      <c r="T116" s="16">
        <v>0</v>
      </c>
      <c r="U116" s="17">
        <v>0</v>
      </c>
      <c r="V116" s="9">
        <v>0</v>
      </c>
      <c r="W116" s="16">
        <v>0</v>
      </c>
      <c r="X116" s="17">
        <v>0</v>
      </c>
      <c r="Y116" s="9">
        <v>0</v>
      </c>
      <c r="Z116" s="16">
        <v>0</v>
      </c>
      <c r="AA116" s="17">
        <v>0</v>
      </c>
    </row>
    <row r="117" spans="1:27" s="12" customFormat="1" ht="11.25" x14ac:dyDescent="0.25">
      <c r="A117" s="157"/>
      <c r="B117" s="160"/>
      <c r="C117" s="13" t="s">
        <v>64</v>
      </c>
      <c r="D117" s="18">
        <v>1</v>
      </c>
      <c r="E117" s="7">
        <v>1</v>
      </c>
      <c r="F117" s="8">
        <v>0</v>
      </c>
      <c r="G117" s="9">
        <v>1</v>
      </c>
      <c r="H117" s="16">
        <v>1</v>
      </c>
      <c r="I117" s="17">
        <v>0</v>
      </c>
      <c r="J117" s="9">
        <v>0</v>
      </c>
      <c r="K117" s="16">
        <v>0</v>
      </c>
      <c r="L117" s="17">
        <v>0</v>
      </c>
      <c r="M117" s="9">
        <v>0</v>
      </c>
      <c r="N117" s="16">
        <v>0</v>
      </c>
      <c r="O117" s="17">
        <v>0</v>
      </c>
      <c r="P117" s="9">
        <v>0</v>
      </c>
      <c r="Q117" s="16">
        <v>0</v>
      </c>
      <c r="R117" s="17">
        <v>0</v>
      </c>
      <c r="S117" s="9">
        <v>0</v>
      </c>
      <c r="T117" s="16">
        <v>0</v>
      </c>
      <c r="U117" s="17">
        <v>0</v>
      </c>
      <c r="V117" s="9">
        <v>0</v>
      </c>
      <c r="W117" s="16">
        <v>0</v>
      </c>
      <c r="X117" s="17">
        <v>0</v>
      </c>
      <c r="Y117" s="9">
        <v>0</v>
      </c>
      <c r="Z117" s="16">
        <v>0</v>
      </c>
      <c r="AA117" s="17">
        <v>0</v>
      </c>
    </row>
    <row r="118" spans="1:27" s="12" customFormat="1" ht="12" thickBot="1" x14ac:dyDescent="0.3">
      <c r="A118" s="158"/>
      <c r="B118" s="161"/>
      <c r="C118" s="43" t="s">
        <v>65</v>
      </c>
      <c r="D118" s="44">
        <v>1.2000000000000002</v>
      </c>
      <c r="E118" s="7">
        <v>1.2000000000000002</v>
      </c>
      <c r="F118" s="8">
        <v>0</v>
      </c>
      <c r="G118" s="9">
        <v>1.2000000000000002</v>
      </c>
      <c r="H118" s="45">
        <v>1.2000000000000002</v>
      </c>
      <c r="I118" s="46">
        <v>0</v>
      </c>
      <c r="J118" s="9">
        <v>0</v>
      </c>
      <c r="K118" s="45">
        <v>0</v>
      </c>
      <c r="L118" s="46">
        <v>0</v>
      </c>
      <c r="M118" s="9">
        <v>0</v>
      </c>
      <c r="N118" s="45">
        <v>0</v>
      </c>
      <c r="O118" s="46">
        <v>0</v>
      </c>
      <c r="P118" s="9">
        <v>0</v>
      </c>
      <c r="Q118" s="45">
        <v>0</v>
      </c>
      <c r="R118" s="46">
        <v>0</v>
      </c>
      <c r="S118" s="9">
        <v>0</v>
      </c>
      <c r="T118" s="45">
        <v>0</v>
      </c>
      <c r="U118" s="46">
        <v>0</v>
      </c>
      <c r="V118" s="9">
        <v>0</v>
      </c>
      <c r="W118" s="45">
        <v>0</v>
      </c>
      <c r="X118" s="46">
        <v>0</v>
      </c>
      <c r="Y118" s="9">
        <v>0</v>
      </c>
      <c r="Z118" s="45">
        <v>0</v>
      </c>
      <c r="AA118" s="46">
        <v>0</v>
      </c>
    </row>
    <row r="119" spans="1:27" s="12" customFormat="1" ht="11.25" x14ac:dyDescent="0.25">
      <c r="A119" s="150">
        <v>34</v>
      </c>
      <c r="B119" s="153" t="s">
        <v>78</v>
      </c>
      <c r="C119" s="37" t="s">
        <v>44</v>
      </c>
      <c r="D119" s="38">
        <v>830.18649402777771</v>
      </c>
      <c r="E119" s="7">
        <v>740.57390513888879</v>
      </c>
      <c r="F119" s="8">
        <v>89.612588888888894</v>
      </c>
      <c r="G119" s="9">
        <v>580.259277361111</v>
      </c>
      <c r="H119" s="39">
        <v>535.5528273611111</v>
      </c>
      <c r="I119" s="40">
        <v>44.706449999999997</v>
      </c>
      <c r="J119" s="9">
        <v>6.9991000000000003</v>
      </c>
      <c r="K119" s="39">
        <v>5.2791000000000006</v>
      </c>
      <c r="L119" s="40">
        <v>1.72</v>
      </c>
      <c r="M119" s="9">
        <v>204.22251666666671</v>
      </c>
      <c r="N119" s="39">
        <v>172.50427777777779</v>
      </c>
      <c r="O119" s="40">
        <v>31.718238888888894</v>
      </c>
      <c r="P119" s="9">
        <v>23.768799999999999</v>
      </c>
      <c r="Q119" s="39">
        <v>20.510799999999996</v>
      </c>
      <c r="R119" s="40">
        <v>3.258</v>
      </c>
      <c r="S119" s="9">
        <v>13.736800000000002</v>
      </c>
      <c r="T119" s="39">
        <v>6.3969000000000014</v>
      </c>
      <c r="U119" s="40">
        <v>7.3399000000000001</v>
      </c>
      <c r="V119" s="9">
        <v>0</v>
      </c>
      <c r="W119" s="39">
        <v>0</v>
      </c>
      <c r="X119" s="40">
        <v>0</v>
      </c>
      <c r="Y119" s="9">
        <v>1.2</v>
      </c>
      <c r="Z119" s="39">
        <v>0.33</v>
      </c>
      <c r="AA119" s="40">
        <v>0.87</v>
      </c>
    </row>
    <row r="120" spans="1:27" s="12" customFormat="1" ht="11.25" x14ac:dyDescent="0.25">
      <c r="A120" s="151"/>
      <c r="B120" s="154"/>
      <c r="C120" s="13" t="s">
        <v>63</v>
      </c>
      <c r="D120" s="18">
        <v>36.209700000000005</v>
      </c>
      <c r="E120" s="7">
        <v>32.030600000000007</v>
      </c>
      <c r="F120" s="8">
        <v>4.1790999999999991</v>
      </c>
      <c r="G120" s="9">
        <v>22.603200000000005</v>
      </c>
      <c r="H120" s="16">
        <v>20.565200000000004</v>
      </c>
      <c r="I120" s="17">
        <v>2.0379999999999998</v>
      </c>
      <c r="J120" s="9">
        <v>0.11</v>
      </c>
      <c r="K120" s="16">
        <v>0.11</v>
      </c>
      <c r="L120" s="17">
        <v>0</v>
      </c>
      <c r="M120" s="9">
        <v>9.5602999999999998</v>
      </c>
      <c r="N120" s="16">
        <v>7.799199999999999</v>
      </c>
      <c r="O120" s="17">
        <v>1.7610999999999999</v>
      </c>
      <c r="P120" s="9">
        <v>2.0390000000000001</v>
      </c>
      <c r="Q120" s="16">
        <v>2.0390000000000001</v>
      </c>
      <c r="R120" s="17">
        <v>0</v>
      </c>
      <c r="S120" s="9">
        <v>1.7372000000000001</v>
      </c>
      <c r="T120" s="16">
        <v>1.4572000000000001</v>
      </c>
      <c r="U120" s="17">
        <v>0.27999999999999997</v>
      </c>
      <c r="V120" s="9">
        <v>0</v>
      </c>
      <c r="W120" s="16">
        <v>0</v>
      </c>
      <c r="X120" s="17">
        <v>0</v>
      </c>
      <c r="Y120" s="9">
        <v>0.16</v>
      </c>
      <c r="Z120" s="16">
        <v>0.06</v>
      </c>
      <c r="AA120" s="17">
        <v>0.1</v>
      </c>
    </row>
    <row r="121" spans="1:27" s="12" customFormat="1" ht="11.25" x14ac:dyDescent="0.25">
      <c r="A121" s="151"/>
      <c r="B121" s="154"/>
      <c r="C121" s="13" t="s">
        <v>64</v>
      </c>
      <c r="D121" s="18">
        <v>4.4400000000000004</v>
      </c>
      <c r="E121" s="7">
        <v>4.4400000000000004</v>
      </c>
      <c r="F121" s="8">
        <v>0</v>
      </c>
      <c r="G121" s="9">
        <v>3.6500000000000004</v>
      </c>
      <c r="H121" s="16">
        <v>3.6500000000000004</v>
      </c>
      <c r="I121" s="17">
        <v>0</v>
      </c>
      <c r="J121" s="9">
        <v>0.12</v>
      </c>
      <c r="K121" s="16">
        <v>0.12</v>
      </c>
      <c r="L121" s="17">
        <v>0</v>
      </c>
      <c r="M121" s="9">
        <v>0.33999999999999997</v>
      </c>
      <c r="N121" s="16">
        <v>0.33999999999999997</v>
      </c>
      <c r="O121" s="17">
        <v>0</v>
      </c>
      <c r="P121" s="9">
        <v>0</v>
      </c>
      <c r="Q121" s="16">
        <v>0</v>
      </c>
      <c r="R121" s="17">
        <v>0</v>
      </c>
      <c r="S121" s="9">
        <v>0.33</v>
      </c>
      <c r="T121" s="16">
        <v>0.33</v>
      </c>
      <c r="U121" s="17">
        <v>0</v>
      </c>
      <c r="V121" s="9">
        <v>0</v>
      </c>
      <c r="W121" s="16">
        <v>0</v>
      </c>
      <c r="X121" s="17">
        <v>0</v>
      </c>
      <c r="Y121" s="9">
        <v>0</v>
      </c>
      <c r="Z121" s="16">
        <v>0</v>
      </c>
      <c r="AA121" s="17">
        <v>0</v>
      </c>
    </row>
    <row r="122" spans="1:27" s="12" customFormat="1" ht="12" thickBot="1" x14ac:dyDescent="0.3">
      <c r="A122" s="152"/>
      <c r="B122" s="155"/>
      <c r="C122" s="43" t="s">
        <v>65</v>
      </c>
      <c r="D122" s="44">
        <v>5.7681000000000004</v>
      </c>
      <c r="E122" s="7">
        <v>4.5281000000000002</v>
      </c>
      <c r="F122" s="8">
        <v>1.24</v>
      </c>
      <c r="G122" s="9">
        <v>4.7659000000000002</v>
      </c>
      <c r="H122" s="45">
        <v>3.9759000000000002</v>
      </c>
      <c r="I122" s="46">
        <v>0.79</v>
      </c>
      <c r="J122" s="9">
        <v>0</v>
      </c>
      <c r="K122" s="45">
        <v>0</v>
      </c>
      <c r="L122" s="46">
        <v>0</v>
      </c>
      <c r="M122" s="9">
        <v>0.39</v>
      </c>
      <c r="N122" s="45">
        <v>0</v>
      </c>
      <c r="O122" s="46">
        <v>0.39</v>
      </c>
      <c r="P122" s="9">
        <v>0.44220000000000004</v>
      </c>
      <c r="Q122" s="45">
        <v>0.38219999999999998</v>
      </c>
      <c r="R122" s="46">
        <v>0.06</v>
      </c>
      <c r="S122" s="9">
        <v>0.17</v>
      </c>
      <c r="T122" s="45">
        <v>0.17</v>
      </c>
      <c r="U122" s="46">
        <v>0</v>
      </c>
      <c r="V122" s="9">
        <v>0</v>
      </c>
      <c r="W122" s="45">
        <v>0</v>
      </c>
      <c r="X122" s="46">
        <v>0</v>
      </c>
      <c r="Y122" s="9">
        <v>0</v>
      </c>
      <c r="Z122" s="45">
        <v>0</v>
      </c>
      <c r="AA122" s="46">
        <v>0</v>
      </c>
    </row>
    <row r="123" spans="1:27" s="12" customFormat="1" ht="11.25" x14ac:dyDescent="0.25">
      <c r="A123" s="150">
        <v>35</v>
      </c>
      <c r="B123" s="153" t="s">
        <v>79</v>
      </c>
      <c r="C123" s="37" t="s">
        <v>44</v>
      </c>
      <c r="D123" s="38">
        <v>5363.5691622166651</v>
      </c>
      <c r="E123" s="7">
        <v>3305.1205033322217</v>
      </c>
      <c r="F123" s="8">
        <v>2058.4486588844438</v>
      </c>
      <c r="G123" s="9">
        <v>4166.2484122222222</v>
      </c>
      <c r="H123" s="39">
        <v>2723.1447366666666</v>
      </c>
      <c r="I123" s="40">
        <v>1443.1036755555556</v>
      </c>
      <c r="J123" s="9">
        <v>52.735833333333346</v>
      </c>
      <c r="K123" s="39">
        <v>28.091400000000007</v>
      </c>
      <c r="L123" s="40">
        <v>24.644433333333335</v>
      </c>
      <c r="M123" s="9">
        <v>851.99749999444464</v>
      </c>
      <c r="N123" s="39">
        <v>429.31204999888894</v>
      </c>
      <c r="O123" s="40">
        <v>422.68544999555559</v>
      </c>
      <c r="P123" s="9">
        <v>242.73531666666665</v>
      </c>
      <c r="Q123" s="39">
        <v>107.61121666666669</v>
      </c>
      <c r="R123" s="40">
        <v>135.12409999999997</v>
      </c>
      <c r="S123" s="9">
        <v>22.7516</v>
      </c>
      <c r="T123" s="39">
        <v>9.8556000000000008</v>
      </c>
      <c r="U123" s="40">
        <v>12.895999999999999</v>
      </c>
      <c r="V123" s="9">
        <v>8.25</v>
      </c>
      <c r="W123" s="39">
        <v>2.3200000000000003</v>
      </c>
      <c r="X123" s="40">
        <v>5.9300000000000006</v>
      </c>
      <c r="Y123" s="9">
        <v>18.8505</v>
      </c>
      <c r="Z123" s="39">
        <v>4.7855000000000008</v>
      </c>
      <c r="AA123" s="40">
        <v>14.065</v>
      </c>
    </row>
    <row r="124" spans="1:27" s="12" customFormat="1" ht="11.25" x14ac:dyDescent="0.25">
      <c r="A124" s="151"/>
      <c r="B124" s="154"/>
      <c r="C124" s="13" t="s">
        <v>63</v>
      </c>
      <c r="D124" s="18">
        <v>392.63319999999999</v>
      </c>
      <c r="E124" s="7">
        <v>228.01760000000004</v>
      </c>
      <c r="F124" s="8">
        <v>164.61559999999997</v>
      </c>
      <c r="G124" s="9">
        <v>268.45249999999999</v>
      </c>
      <c r="H124" s="16">
        <v>165.55700000000002</v>
      </c>
      <c r="I124" s="17">
        <v>102.8955</v>
      </c>
      <c r="J124" s="9">
        <v>5.7700000000000005</v>
      </c>
      <c r="K124" s="16">
        <v>2.7</v>
      </c>
      <c r="L124" s="17">
        <v>3.0700000000000007</v>
      </c>
      <c r="M124" s="9">
        <v>63.421100000000003</v>
      </c>
      <c r="N124" s="16">
        <v>32.8902</v>
      </c>
      <c r="O124" s="17">
        <v>30.530899999999999</v>
      </c>
      <c r="P124" s="9">
        <v>47.558500000000002</v>
      </c>
      <c r="Q124" s="16">
        <v>25.581599999999998</v>
      </c>
      <c r="R124" s="17">
        <v>21.976900000000001</v>
      </c>
      <c r="S124" s="9">
        <v>4.9823000000000004</v>
      </c>
      <c r="T124" s="16">
        <v>0.78</v>
      </c>
      <c r="U124" s="17">
        <v>4.2023000000000001</v>
      </c>
      <c r="V124" s="9">
        <v>0.06</v>
      </c>
      <c r="W124" s="16">
        <v>0</v>
      </c>
      <c r="X124" s="17">
        <v>0.06</v>
      </c>
      <c r="Y124" s="9">
        <v>2.3887999999999998</v>
      </c>
      <c r="Z124" s="16">
        <v>0.50879999999999992</v>
      </c>
      <c r="AA124" s="17">
        <v>1.8800000000000001</v>
      </c>
    </row>
    <row r="125" spans="1:27" s="12" customFormat="1" ht="12" thickBot="1" x14ac:dyDescent="0.3">
      <c r="A125" s="152"/>
      <c r="B125" s="155"/>
      <c r="C125" s="43" t="s">
        <v>64</v>
      </c>
      <c r="D125" s="44">
        <v>28.661599999999996</v>
      </c>
      <c r="E125" s="7">
        <v>26.821599999999997</v>
      </c>
      <c r="F125" s="8">
        <v>1.8399999999999999</v>
      </c>
      <c r="G125" s="9">
        <v>17.463899999999999</v>
      </c>
      <c r="H125" s="45">
        <v>16.283899999999999</v>
      </c>
      <c r="I125" s="46">
        <v>1.18</v>
      </c>
      <c r="J125" s="9">
        <v>0</v>
      </c>
      <c r="K125" s="45">
        <v>0</v>
      </c>
      <c r="L125" s="46">
        <v>0</v>
      </c>
      <c r="M125" s="9">
        <v>4.5576999999999996</v>
      </c>
      <c r="N125" s="45">
        <v>4.5576999999999996</v>
      </c>
      <c r="O125" s="46">
        <v>0</v>
      </c>
      <c r="P125" s="9">
        <v>4.04</v>
      </c>
      <c r="Q125" s="45">
        <v>3.38</v>
      </c>
      <c r="R125" s="46">
        <v>0.66</v>
      </c>
      <c r="S125" s="9">
        <v>1.38</v>
      </c>
      <c r="T125" s="45">
        <v>1.38</v>
      </c>
      <c r="U125" s="46">
        <v>0</v>
      </c>
      <c r="V125" s="9">
        <v>1.22</v>
      </c>
      <c r="W125" s="45">
        <v>1.22</v>
      </c>
      <c r="X125" s="46">
        <v>0</v>
      </c>
      <c r="Y125" s="9">
        <v>0</v>
      </c>
      <c r="Z125" s="45">
        <v>0</v>
      </c>
      <c r="AA125" s="46">
        <v>0</v>
      </c>
    </row>
    <row r="126" spans="1:27" s="12" customFormat="1" ht="11.25" x14ac:dyDescent="0.25">
      <c r="A126" s="150">
        <v>36</v>
      </c>
      <c r="B126" s="153" t="s">
        <v>80</v>
      </c>
      <c r="C126" s="37" t="s">
        <v>44</v>
      </c>
      <c r="D126" s="38">
        <v>4144.1702394444446</v>
      </c>
      <c r="E126" s="7">
        <v>2716.7813311111113</v>
      </c>
      <c r="F126" s="8">
        <v>1427.3889083333331</v>
      </c>
      <c r="G126" s="9">
        <v>3524.2198505555557</v>
      </c>
      <c r="H126" s="39">
        <v>2379.6299811111112</v>
      </c>
      <c r="I126" s="40">
        <v>1144.5898694444445</v>
      </c>
      <c r="J126" s="9">
        <v>27.970000000000002</v>
      </c>
      <c r="K126" s="39">
        <v>15.350000000000001</v>
      </c>
      <c r="L126" s="40">
        <v>12.620000000000001</v>
      </c>
      <c r="M126" s="9">
        <v>561.54071111111114</v>
      </c>
      <c r="N126" s="39">
        <v>307.00148333333334</v>
      </c>
      <c r="O126" s="40">
        <v>254.5392277777778</v>
      </c>
      <c r="P126" s="9">
        <v>18.198977777777777</v>
      </c>
      <c r="Q126" s="39">
        <v>11.705666666666668</v>
      </c>
      <c r="R126" s="40">
        <v>6.4933111111111117</v>
      </c>
      <c r="S126" s="9">
        <v>7.7642000000000007</v>
      </c>
      <c r="T126" s="39">
        <v>1.6142000000000003</v>
      </c>
      <c r="U126" s="40">
        <v>6.15</v>
      </c>
      <c r="V126" s="9">
        <v>1.3588</v>
      </c>
      <c r="W126" s="39">
        <v>0.25</v>
      </c>
      <c r="X126" s="40">
        <v>1.1088</v>
      </c>
      <c r="Y126" s="9">
        <v>3.1177000000000001</v>
      </c>
      <c r="Z126" s="39">
        <v>1.23</v>
      </c>
      <c r="AA126" s="40">
        <v>1.8877000000000002</v>
      </c>
    </row>
    <row r="127" spans="1:27" s="12" customFormat="1" ht="11.25" x14ac:dyDescent="0.25">
      <c r="A127" s="151"/>
      <c r="B127" s="154"/>
      <c r="C127" s="13" t="s">
        <v>63</v>
      </c>
      <c r="D127" s="18">
        <v>250.1927</v>
      </c>
      <c r="E127" s="7">
        <v>145.36940000000001</v>
      </c>
      <c r="F127" s="8">
        <v>104.8233</v>
      </c>
      <c r="G127" s="9">
        <v>195.51039999999998</v>
      </c>
      <c r="H127" s="16">
        <v>120.0594</v>
      </c>
      <c r="I127" s="17">
        <v>75.450999999999993</v>
      </c>
      <c r="J127" s="9">
        <v>2.3000000000000003</v>
      </c>
      <c r="K127" s="16">
        <v>0.97</v>
      </c>
      <c r="L127" s="17">
        <v>1.33</v>
      </c>
      <c r="M127" s="9">
        <v>47.062300000000008</v>
      </c>
      <c r="N127" s="16">
        <v>22.970000000000006</v>
      </c>
      <c r="O127" s="17">
        <v>24.092299999999998</v>
      </c>
      <c r="P127" s="9">
        <v>0.95000000000000007</v>
      </c>
      <c r="Q127" s="16">
        <v>0.56000000000000005</v>
      </c>
      <c r="R127" s="17">
        <v>0.39</v>
      </c>
      <c r="S127" s="9">
        <v>3.29</v>
      </c>
      <c r="T127" s="16">
        <v>0.4</v>
      </c>
      <c r="U127" s="17">
        <v>2.89</v>
      </c>
      <c r="V127" s="9">
        <v>0.39</v>
      </c>
      <c r="W127" s="16">
        <v>0.17</v>
      </c>
      <c r="X127" s="17">
        <v>0.22</v>
      </c>
      <c r="Y127" s="9">
        <v>0.69</v>
      </c>
      <c r="Z127" s="16">
        <v>0.24</v>
      </c>
      <c r="AA127" s="17">
        <v>0.45</v>
      </c>
    </row>
    <row r="128" spans="1:27" s="12" customFormat="1" ht="11.25" x14ac:dyDescent="0.25">
      <c r="A128" s="151"/>
      <c r="B128" s="154"/>
      <c r="C128" s="13" t="s">
        <v>64</v>
      </c>
      <c r="D128" s="18">
        <v>27.496299999999998</v>
      </c>
      <c r="E128" s="7">
        <v>27.496299999999998</v>
      </c>
      <c r="F128" s="8">
        <v>0</v>
      </c>
      <c r="G128" s="9">
        <v>24.136299999999999</v>
      </c>
      <c r="H128" s="16">
        <v>24.136299999999999</v>
      </c>
      <c r="I128" s="17">
        <v>0</v>
      </c>
      <c r="J128" s="9">
        <v>0</v>
      </c>
      <c r="K128" s="16">
        <v>0</v>
      </c>
      <c r="L128" s="17">
        <v>0</v>
      </c>
      <c r="M128" s="9">
        <v>2.04</v>
      </c>
      <c r="N128" s="16">
        <v>2.04</v>
      </c>
      <c r="O128" s="17">
        <v>0</v>
      </c>
      <c r="P128" s="9">
        <v>0.77</v>
      </c>
      <c r="Q128" s="16">
        <v>0.77</v>
      </c>
      <c r="R128" s="17">
        <v>0</v>
      </c>
      <c r="S128" s="9">
        <v>0.55000000000000004</v>
      </c>
      <c r="T128" s="16">
        <v>0.55000000000000004</v>
      </c>
      <c r="U128" s="17">
        <v>0</v>
      </c>
      <c r="V128" s="9">
        <v>0</v>
      </c>
      <c r="W128" s="16">
        <v>0</v>
      </c>
      <c r="X128" s="17">
        <v>0</v>
      </c>
      <c r="Y128" s="9">
        <v>0</v>
      </c>
      <c r="Z128" s="16">
        <v>0</v>
      </c>
      <c r="AA128" s="17">
        <v>0</v>
      </c>
    </row>
    <row r="129" spans="1:27" s="12" customFormat="1" ht="12" thickBot="1" x14ac:dyDescent="0.3">
      <c r="A129" s="152"/>
      <c r="B129" s="155"/>
      <c r="C129" s="43" t="s">
        <v>65</v>
      </c>
      <c r="D129" s="44">
        <v>12.283200000000001</v>
      </c>
      <c r="E129" s="7">
        <v>8.1732000000000014</v>
      </c>
      <c r="F129" s="8">
        <v>4.1100000000000003</v>
      </c>
      <c r="G129" s="9">
        <v>7.5499000000000009</v>
      </c>
      <c r="H129" s="45">
        <v>5.2199000000000009</v>
      </c>
      <c r="I129" s="46">
        <v>2.33</v>
      </c>
      <c r="J129" s="9">
        <v>0</v>
      </c>
      <c r="K129" s="45">
        <v>0</v>
      </c>
      <c r="L129" s="46">
        <v>0</v>
      </c>
      <c r="M129" s="9">
        <v>3.6733000000000002</v>
      </c>
      <c r="N129" s="45">
        <v>2.7833000000000001</v>
      </c>
      <c r="O129" s="46">
        <v>0.89</v>
      </c>
      <c r="P129" s="9">
        <v>0</v>
      </c>
      <c r="Q129" s="45">
        <v>0</v>
      </c>
      <c r="R129" s="46">
        <v>0</v>
      </c>
      <c r="S129" s="9">
        <v>0.89</v>
      </c>
      <c r="T129" s="45">
        <v>0.17</v>
      </c>
      <c r="U129" s="46">
        <v>0.72</v>
      </c>
      <c r="V129" s="9">
        <v>0</v>
      </c>
      <c r="W129" s="45">
        <v>0</v>
      </c>
      <c r="X129" s="46">
        <v>0</v>
      </c>
      <c r="Y129" s="9">
        <v>0.17</v>
      </c>
      <c r="Z129" s="45">
        <v>0</v>
      </c>
      <c r="AA129" s="46">
        <v>0.17</v>
      </c>
    </row>
    <row r="130" spans="1:27" s="12" customFormat="1" ht="11.25" x14ac:dyDescent="0.25">
      <c r="A130" s="150">
        <v>37</v>
      </c>
      <c r="B130" s="153" t="s">
        <v>81</v>
      </c>
      <c r="C130" s="37" t="s">
        <v>44</v>
      </c>
      <c r="D130" s="38">
        <v>11982.122513888888</v>
      </c>
      <c r="E130" s="7">
        <v>7498.0920861111108</v>
      </c>
      <c r="F130" s="8">
        <v>4484.0304277777777</v>
      </c>
      <c r="G130" s="9">
        <v>10250.552863888888</v>
      </c>
      <c r="H130" s="39">
        <v>6699.0311305555551</v>
      </c>
      <c r="I130" s="40">
        <v>3551.5217333333335</v>
      </c>
      <c r="J130" s="9">
        <v>88.251099999999994</v>
      </c>
      <c r="K130" s="39">
        <v>41.572199999999995</v>
      </c>
      <c r="L130" s="40">
        <v>46.678899999999999</v>
      </c>
      <c r="M130" s="9">
        <v>1362.2558166666663</v>
      </c>
      <c r="N130" s="39">
        <v>646.47372222222214</v>
      </c>
      <c r="O130" s="40">
        <v>715.78209444444428</v>
      </c>
      <c r="P130" s="9">
        <v>177.74613333333338</v>
      </c>
      <c r="Q130" s="39">
        <v>88.711733333333356</v>
      </c>
      <c r="R130" s="40">
        <v>89.034400000000005</v>
      </c>
      <c r="S130" s="9">
        <v>63.037700000000001</v>
      </c>
      <c r="T130" s="39">
        <v>12.503300000000001</v>
      </c>
      <c r="U130" s="40">
        <v>50.534399999999998</v>
      </c>
      <c r="V130" s="9">
        <v>16.9222</v>
      </c>
      <c r="W130" s="39">
        <v>7.04</v>
      </c>
      <c r="X130" s="40">
        <v>9.882200000000001</v>
      </c>
      <c r="Y130" s="9">
        <v>23.356700000000004</v>
      </c>
      <c r="Z130" s="39">
        <v>2.7600000000000002</v>
      </c>
      <c r="AA130" s="40">
        <v>20.596700000000002</v>
      </c>
    </row>
    <row r="131" spans="1:27" s="12" customFormat="1" ht="11.25" x14ac:dyDescent="0.25">
      <c r="A131" s="151"/>
      <c r="B131" s="154"/>
      <c r="C131" s="13" t="s">
        <v>63</v>
      </c>
      <c r="D131" s="18">
        <v>722.46299999999997</v>
      </c>
      <c r="E131" s="7">
        <v>401.7054</v>
      </c>
      <c r="F131" s="8">
        <v>320.75759999999997</v>
      </c>
      <c r="G131" s="9">
        <v>593.33629999999994</v>
      </c>
      <c r="H131" s="16">
        <v>355.38889999999998</v>
      </c>
      <c r="I131" s="17">
        <v>237.94739999999999</v>
      </c>
      <c r="J131" s="9">
        <v>6.2900000000000009</v>
      </c>
      <c r="K131" s="16">
        <v>3.3000000000000003</v>
      </c>
      <c r="L131" s="17">
        <v>2.99</v>
      </c>
      <c r="M131" s="9">
        <v>80.5779</v>
      </c>
      <c r="N131" s="16">
        <v>33.7121</v>
      </c>
      <c r="O131" s="17">
        <v>46.8658</v>
      </c>
      <c r="P131" s="9">
        <v>16.1922</v>
      </c>
      <c r="Q131" s="16">
        <v>3.5021999999999998</v>
      </c>
      <c r="R131" s="17">
        <v>12.690000000000001</v>
      </c>
      <c r="S131" s="9">
        <v>15.682200000000002</v>
      </c>
      <c r="T131" s="16">
        <v>5.1522000000000006</v>
      </c>
      <c r="U131" s="17">
        <v>10.530000000000001</v>
      </c>
      <c r="V131" s="9">
        <v>0.89</v>
      </c>
      <c r="W131" s="16">
        <v>0</v>
      </c>
      <c r="X131" s="17">
        <v>0.89</v>
      </c>
      <c r="Y131" s="9">
        <v>9.4944000000000006</v>
      </c>
      <c r="Z131" s="16">
        <v>0.65</v>
      </c>
      <c r="AA131" s="17">
        <v>8.8444000000000003</v>
      </c>
    </row>
    <row r="132" spans="1:27" s="12" customFormat="1" ht="11.25" x14ac:dyDescent="0.25">
      <c r="A132" s="151"/>
      <c r="B132" s="154"/>
      <c r="C132" s="13" t="s">
        <v>64</v>
      </c>
      <c r="D132" s="18">
        <v>62.450799999999987</v>
      </c>
      <c r="E132" s="7">
        <v>62.450799999999987</v>
      </c>
      <c r="F132" s="8">
        <v>0</v>
      </c>
      <c r="G132" s="9">
        <v>54.430799999999998</v>
      </c>
      <c r="H132" s="16">
        <v>54.430799999999998</v>
      </c>
      <c r="I132" s="17">
        <v>0</v>
      </c>
      <c r="J132" s="9">
        <v>0</v>
      </c>
      <c r="K132" s="16">
        <v>0</v>
      </c>
      <c r="L132" s="17">
        <v>0</v>
      </c>
      <c r="M132" s="9">
        <v>4.67</v>
      </c>
      <c r="N132" s="16">
        <v>4.67</v>
      </c>
      <c r="O132" s="17">
        <v>0</v>
      </c>
      <c r="P132" s="9">
        <v>3.35</v>
      </c>
      <c r="Q132" s="16">
        <v>3.35</v>
      </c>
      <c r="R132" s="17">
        <v>0</v>
      </c>
      <c r="S132" s="9">
        <v>0</v>
      </c>
      <c r="T132" s="16">
        <v>0</v>
      </c>
      <c r="U132" s="17">
        <v>0</v>
      </c>
      <c r="V132" s="9">
        <v>0</v>
      </c>
      <c r="W132" s="16">
        <v>0</v>
      </c>
      <c r="X132" s="17">
        <v>0</v>
      </c>
      <c r="Y132" s="9">
        <v>0</v>
      </c>
      <c r="Z132" s="16">
        <v>0</v>
      </c>
      <c r="AA132" s="17">
        <v>0</v>
      </c>
    </row>
    <row r="133" spans="1:27" s="12" customFormat="1" ht="12" thickBot="1" x14ac:dyDescent="0.3">
      <c r="A133" s="152"/>
      <c r="B133" s="155"/>
      <c r="C133" s="43" t="s">
        <v>65</v>
      </c>
      <c r="D133" s="44">
        <v>11.830500000000001</v>
      </c>
      <c r="E133" s="7">
        <v>7.0105000000000004</v>
      </c>
      <c r="F133" s="8">
        <v>4.82</v>
      </c>
      <c r="G133" s="9">
        <v>8.1805000000000003</v>
      </c>
      <c r="H133" s="45">
        <v>5.5804999999999998</v>
      </c>
      <c r="I133" s="46">
        <v>2.6</v>
      </c>
      <c r="J133" s="9">
        <v>0</v>
      </c>
      <c r="K133" s="45">
        <v>0</v>
      </c>
      <c r="L133" s="46">
        <v>0</v>
      </c>
      <c r="M133" s="9">
        <v>1.26</v>
      </c>
      <c r="N133" s="45">
        <v>0.87000000000000011</v>
      </c>
      <c r="O133" s="46">
        <v>0.39</v>
      </c>
      <c r="P133" s="9">
        <v>0.56000000000000005</v>
      </c>
      <c r="Q133" s="45">
        <v>0.56000000000000005</v>
      </c>
      <c r="R133" s="46">
        <v>0</v>
      </c>
      <c r="S133" s="9">
        <v>1.1100000000000001</v>
      </c>
      <c r="T133" s="45">
        <v>0</v>
      </c>
      <c r="U133" s="46">
        <v>1.1100000000000001</v>
      </c>
      <c r="V133" s="9">
        <v>0</v>
      </c>
      <c r="W133" s="45">
        <v>0</v>
      </c>
      <c r="X133" s="46">
        <v>0</v>
      </c>
      <c r="Y133" s="9">
        <v>0.72</v>
      </c>
      <c r="Z133" s="45">
        <v>0</v>
      </c>
      <c r="AA133" s="46">
        <v>0.72</v>
      </c>
    </row>
    <row r="134" spans="1:27" s="12" customFormat="1" ht="11.25" x14ac:dyDescent="0.25">
      <c r="A134" s="150">
        <v>38</v>
      </c>
      <c r="B134" s="153" t="s">
        <v>82</v>
      </c>
      <c r="C134" s="37" t="s">
        <v>44</v>
      </c>
      <c r="D134" s="38">
        <v>4436.1122577777769</v>
      </c>
      <c r="E134" s="7">
        <v>3312.6660244444433</v>
      </c>
      <c r="F134" s="8">
        <v>1123.4462333333333</v>
      </c>
      <c r="G134" s="9">
        <v>3322.5878355555542</v>
      </c>
      <c r="H134" s="39">
        <v>2673.6740855555545</v>
      </c>
      <c r="I134" s="40">
        <v>648.91374999999994</v>
      </c>
      <c r="J134" s="9">
        <v>32.04332222222223</v>
      </c>
      <c r="K134" s="39">
        <v>17.509999999999998</v>
      </c>
      <c r="L134" s="40">
        <v>14.533322222222226</v>
      </c>
      <c r="M134" s="9">
        <v>770.26411111111111</v>
      </c>
      <c r="N134" s="39">
        <v>446.05993333333333</v>
      </c>
      <c r="O134" s="40">
        <v>324.20417777777777</v>
      </c>
      <c r="P134" s="9">
        <v>166.11817777777779</v>
      </c>
      <c r="Q134" s="39">
        <v>124.74106111111112</v>
      </c>
      <c r="R134" s="40">
        <v>41.377116666666673</v>
      </c>
      <c r="S134" s="9">
        <v>101.44221111111111</v>
      </c>
      <c r="T134" s="39">
        <v>32.170944444444437</v>
      </c>
      <c r="U134" s="40">
        <v>69.271266666666676</v>
      </c>
      <c r="V134" s="9">
        <v>16.722200000000001</v>
      </c>
      <c r="W134" s="39">
        <v>8.76</v>
      </c>
      <c r="X134" s="40">
        <v>7.9622000000000002</v>
      </c>
      <c r="Y134" s="9">
        <v>26.9344</v>
      </c>
      <c r="Z134" s="39">
        <v>9.75</v>
      </c>
      <c r="AA134" s="40">
        <v>17.1844</v>
      </c>
    </row>
    <row r="135" spans="1:27" s="12" customFormat="1" ht="11.25" x14ac:dyDescent="0.25">
      <c r="A135" s="151"/>
      <c r="B135" s="154"/>
      <c r="C135" s="13" t="s">
        <v>63</v>
      </c>
      <c r="D135" s="18">
        <v>245.67630000000003</v>
      </c>
      <c r="E135" s="7">
        <v>170.80170000000001</v>
      </c>
      <c r="F135" s="8">
        <v>74.874600000000001</v>
      </c>
      <c r="G135" s="9">
        <v>181.6807</v>
      </c>
      <c r="H135" s="16">
        <v>134.84649999999999</v>
      </c>
      <c r="I135" s="17">
        <v>46.834199999999996</v>
      </c>
      <c r="J135" s="9">
        <v>2.4800000000000004</v>
      </c>
      <c r="K135" s="16">
        <v>1.61</v>
      </c>
      <c r="L135" s="17">
        <v>0.87</v>
      </c>
      <c r="M135" s="9">
        <v>38.8748</v>
      </c>
      <c r="N135" s="16">
        <v>21.268799999999995</v>
      </c>
      <c r="O135" s="17">
        <v>17.606000000000002</v>
      </c>
      <c r="P135" s="9">
        <v>5.4321999999999999</v>
      </c>
      <c r="Q135" s="16">
        <v>4.49</v>
      </c>
      <c r="R135" s="17">
        <v>0.94219999999999993</v>
      </c>
      <c r="S135" s="9">
        <v>9.7231000000000005</v>
      </c>
      <c r="T135" s="16">
        <v>4.1964000000000006</v>
      </c>
      <c r="U135" s="17">
        <v>5.5266999999999999</v>
      </c>
      <c r="V135" s="9">
        <v>1.35</v>
      </c>
      <c r="W135" s="16">
        <v>1.07</v>
      </c>
      <c r="X135" s="17">
        <v>0.28000000000000003</v>
      </c>
      <c r="Y135" s="9">
        <v>6.1355000000000004</v>
      </c>
      <c r="Z135" s="16">
        <v>3.32</v>
      </c>
      <c r="AA135" s="17">
        <v>2.8155000000000001</v>
      </c>
    </row>
    <row r="136" spans="1:27" s="12" customFormat="1" ht="11.25" x14ac:dyDescent="0.25">
      <c r="A136" s="151"/>
      <c r="B136" s="154"/>
      <c r="C136" s="13" t="s">
        <v>64</v>
      </c>
      <c r="D136" s="18">
        <v>28.0153</v>
      </c>
      <c r="E136" s="7">
        <v>28.0153</v>
      </c>
      <c r="F136" s="8">
        <v>0</v>
      </c>
      <c r="G136" s="9">
        <v>21.3553</v>
      </c>
      <c r="H136" s="16">
        <v>21.3553</v>
      </c>
      <c r="I136" s="17">
        <v>0</v>
      </c>
      <c r="J136" s="9">
        <v>0</v>
      </c>
      <c r="K136" s="16">
        <v>0</v>
      </c>
      <c r="L136" s="17">
        <v>0</v>
      </c>
      <c r="M136" s="9">
        <v>5.5500000000000007</v>
      </c>
      <c r="N136" s="16">
        <v>5.5500000000000007</v>
      </c>
      <c r="O136" s="17">
        <v>0</v>
      </c>
      <c r="P136" s="9">
        <v>1.1100000000000001</v>
      </c>
      <c r="Q136" s="16">
        <v>1.1100000000000001</v>
      </c>
      <c r="R136" s="17">
        <v>0</v>
      </c>
      <c r="S136" s="9">
        <v>0</v>
      </c>
      <c r="T136" s="16">
        <v>0</v>
      </c>
      <c r="U136" s="17">
        <v>0</v>
      </c>
      <c r="V136" s="9">
        <v>0</v>
      </c>
      <c r="W136" s="16">
        <v>0</v>
      </c>
      <c r="X136" s="17">
        <v>0</v>
      </c>
      <c r="Y136" s="9">
        <v>0</v>
      </c>
      <c r="Z136" s="16">
        <v>0</v>
      </c>
      <c r="AA136" s="17">
        <v>0</v>
      </c>
    </row>
    <row r="137" spans="1:27" s="12" customFormat="1" ht="12" thickBot="1" x14ac:dyDescent="0.3">
      <c r="A137" s="152"/>
      <c r="B137" s="155"/>
      <c r="C137" s="43" t="s">
        <v>65</v>
      </c>
      <c r="D137" s="44">
        <v>12.1244</v>
      </c>
      <c r="E137" s="7">
        <v>9.7343999999999991</v>
      </c>
      <c r="F137" s="8">
        <v>2.39</v>
      </c>
      <c r="G137" s="9">
        <v>7.04</v>
      </c>
      <c r="H137" s="45">
        <v>6.6</v>
      </c>
      <c r="I137" s="46">
        <v>0.44</v>
      </c>
      <c r="J137" s="9">
        <v>0</v>
      </c>
      <c r="K137" s="45">
        <v>0</v>
      </c>
      <c r="L137" s="46">
        <v>0</v>
      </c>
      <c r="M137" s="9">
        <v>1.7799999999999998</v>
      </c>
      <c r="N137" s="45">
        <v>1</v>
      </c>
      <c r="O137" s="46">
        <v>0.78</v>
      </c>
      <c r="P137" s="9">
        <v>2.5743999999999998</v>
      </c>
      <c r="Q137" s="45">
        <v>2.1343999999999999</v>
      </c>
      <c r="R137" s="46">
        <v>0.44</v>
      </c>
      <c r="S137" s="9">
        <v>0.5</v>
      </c>
      <c r="T137" s="45">
        <v>0</v>
      </c>
      <c r="U137" s="46">
        <v>0.5</v>
      </c>
      <c r="V137" s="9">
        <v>0</v>
      </c>
      <c r="W137" s="45">
        <v>0</v>
      </c>
      <c r="X137" s="46">
        <v>0</v>
      </c>
      <c r="Y137" s="9">
        <v>0.22999999999999998</v>
      </c>
      <c r="Z137" s="45">
        <v>0</v>
      </c>
      <c r="AA137" s="46">
        <v>0.22999999999999998</v>
      </c>
    </row>
    <row r="138" spans="1:27" s="12" customFormat="1" ht="11.25" x14ac:dyDescent="0.25">
      <c r="A138" s="150">
        <v>39</v>
      </c>
      <c r="B138" s="153" t="s">
        <v>83</v>
      </c>
      <c r="C138" s="37" t="s">
        <v>44</v>
      </c>
      <c r="D138" s="38">
        <v>5241.4283961111114</v>
      </c>
      <c r="E138" s="7">
        <v>3605.439918333333</v>
      </c>
      <c r="F138" s="8">
        <v>1635.9884777777781</v>
      </c>
      <c r="G138" s="9">
        <v>4076.8902405555559</v>
      </c>
      <c r="H138" s="39">
        <v>2958.4238350000001</v>
      </c>
      <c r="I138" s="40">
        <v>1118.4664055555556</v>
      </c>
      <c r="J138" s="9">
        <v>30.453000000000007</v>
      </c>
      <c r="K138" s="39">
        <v>16.680000000000003</v>
      </c>
      <c r="L138" s="40">
        <v>13.773</v>
      </c>
      <c r="M138" s="9">
        <v>782.24341111111107</v>
      </c>
      <c r="N138" s="39">
        <v>449.84341111111115</v>
      </c>
      <c r="O138" s="40">
        <v>332.4</v>
      </c>
      <c r="P138" s="9">
        <v>222.13696666666664</v>
      </c>
      <c r="Q138" s="39">
        <v>144.52887222222222</v>
      </c>
      <c r="R138" s="40">
        <v>77.608094444444447</v>
      </c>
      <c r="S138" s="9">
        <v>101.44927777777778</v>
      </c>
      <c r="T138" s="39">
        <v>29.053799999999995</v>
      </c>
      <c r="U138" s="40">
        <v>72.395477777777785</v>
      </c>
      <c r="V138" s="9">
        <v>9.9700000000000006</v>
      </c>
      <c r="W138" s="39">
        <v>5.5200000000000005</v>
      </c>
      <c r="X138" s="40">
        <v>4.45</v>
      </c>
      <c r="Y138" s="9">
        <v>18.285499999999999</v>
      </c>
      <c r="Z138" s="39">
        <v>1.3900000000000001</v>
      </c>
      <c r="AA138" s="40">
        <v>16.895499999999998</v>
      </c>
    </row>
    <row r="139" spans="1:27" s="12" customFormat="1" ht="11.25" x14ac:dyDescent="0.25">
      <c r="A139" s="151"/>
      <c r="B139" s="154"/>
      <c r="C139" s="13" t="s">
        <v>63</v>
      </c>
      <c r="D139" s="18">
        <v>302.14270000000005</v>
      </c>
      <c r="E139" s="7">
        <v>188.24110000000002</v>
      </c>
      <c r="F139" s="8">
        <v>113.90160000000002</v>
      </c>
      <c r="G139" s="9">
        <v>226.81180000000001</v>
      </c>
      <c r="H139" s="16">
        <v>153.65980000000002</v>
      </c>
      <c r="I139" s="17">
        <v>73.152000000000001</v>
      </c>
      <c r="J139" s="9">
        <v>1.3800000000000001</v>
      </c>
      <c r="K139" s="16">
        <v>0.5</v>
      </c>
      <c r="L139" s="17">
        <v>0.88000000000000012</v>
      </c>
      <c r="M139" s="9">
        <v>45.9955</v>
      </c>
      <c r="N139" s="16">
        <v>20.153300000000002</v>
      </c>
      <c r="O139" s="17">
        <v>25.842199999999998</v>
      </c>
      <c r="P139" s="9">
        <v>13.623300000000004</v>
      </c>
      <c r="Q139" s="16">
        <v>9.3000000000000007</v>
      </c>
      <c r="R139" s="17">
        <v>4.3233000000000015</v>
      </c>
      <c r="S139" s="9">
        <v>10.6921</v>
      </c>
      <c r="T139" s="16">
        <v>4.4080000000000004</v>
      </c>
      <c r="U139" s="17">
        <v>6.2841000000000005</v>
      </c>
      <c r="V139" s="9">
        <v>0.44</v>
      </c>
      <c r="W139" s="16">
        <v>0</v>
      </c>
      <c r="X139" s="17">
        <v>0.44</v>
      </c>
      <c r="Y139" s="9">
        <v>3.2000000000000006</v>
      </c>
      <c r="Z139" s="16">
        <v>0.22</v>
      </c>
      <c r="AA139" s="17">
        <v>2.9800000000000004</v>
      </c>
    </row>
    <row r="140" spans="1:27" s="12" customFormat="1" ht="11.25" x14ac:dyDescent="0.25">
      <c r="A140" s="151"/>
      <c r="B140" s="154"/>
      <c r="C140" s="13" t="s">
        <v>64</v>
      </c>
      <c r="D140" s="18">
        <v>31.049999999999997</v>
      </c>
      <c r="E140" s="7">
        <v>31.049999999999997</v>
      </c>
      <c r="F140" s="8">
        <v>0</v>
      </c>
      <c r="G140" s="9">
        <v>26.619999999999997</v>
      </c>
      <c r="H140" s="16">
        <v>26.619999999999997</v>
      </c>
      <c r="I140" s="17">
        <v>0</v>
      </c>
      <c r="J140" s="9">
        <v>0</v>
      </c>
      <c r="K140" s="16">
        <v>0</v>
      </c>
      <c r="L140" s="17">
        <v>0</v>
      </c>
      <c r="M140" s="9">
        <v>2.21</v>
      </c>
      <c r="N140" s="16">
        <v>2.21</v>
      </c>
      <c r="O140" s="17">
        <v>0</v>
      </c>
      <c r="P140" s="9">
        <v>2.2199999999999998</v>
      </c>
      <c r="Q140" s="16">
        <v>2.2199999999999998</v>
      </c>
      <c r="R140" s="17">
        <v>0</v>
      </c>
      <c r="S140" s="9">
        <v>0</v>
      </c>
      <c r="T140" s="16">
        <v>0</v>
      </c>
      <c r="U140" s="17">
        <v>0</v>
      </c>
      <c r="V140" s="9">
        <v>0</v>
      </c>
      <c r="W140" s="16">
        <v>0</v>
      </c>
      <c r="X140" s="17">
        <v>0</v>
      </c>
      <c r="Y140" s="9">
        <v>0</v>
      </c>
      <c r="Z140" s="16">
        <v>0</v>
      </c>
      <c r="AA140" s="17">
        <v>0</v>
      </c>
    </row>
    <row r="141" spans="1:27" s="12" customFormat="1" ht="12" thickBot="1" x14ac:dyDescent="0.3">
      <c r="A141" s="152"/>
      <c r="B141" s="155"/>
      <c r="C141" s="43" t="s">
        <v>65</v>
      </c>
      <c r="D141" s="44">
        <v>5.8010000000000002</v>
      </c>
      <c r="E141" s="7">
        <v>3.581</v>
      </c>
      <c r="F141" s="8">
        <v>2.2200000000000002</v>
      </c>
      <c r="G141" s="9">
        <v>4.0843999999999996</v>
      </c>
      <c r="H141" s="45">
        <v>2.5844</v>
      </c>
      <c r="I141" s="46">
        <v>1.5000000000000002</v>
      </c>
      <c r="J141" s="9">
        <v>0</v>
      </c>
      <c r="K141" s="45">
        <v>0</v>
      </c>
      <c r="L141" s="46">
        <v>0</v>
      </c>
      <c r="M141" s="9">
        <v>0.77549999999999997</v>
      </c>
      <c r="N141" s="45">
        <v>0.77549999999999997</v>
      </c>
      <c r="O141" s="46">
        <v>0</v>
      </c>
      <c r="P141" s="9">
        <v>0.1111</v>
      </c>
      <c r="Q141" s="45">
        <v>0.1111</v>
      </c>
      <c r="R141" s="46">
        <v>0</v>
      </c>
      <c r="S141" s="9">
        <v>0.66</v>
      </c>
      <c r="T141" s="45">
        <v>0.11</v>
      </c>
      <c r="U141" s="46">
        <v>0.55000000000000004</v>
      </c>
      <c r="V141" s="9">
        <v>0</v>
      </c>
      <c r="W141" s="45">
        <v>0</v>
      </c>
      <c r="X141" s="46">
        <v>0</v>
      </c>
      <c r="Y141" s="9">
        <v>0.17</v>
      </c>
      <c r="Z141" s="45">
        <v>0</v>
      </c>
      <c r="AA141" s="46">
        <v>0.17</v>
      </c>
    </row>
    <row r="142" spans="1:27" s="12" customFormat="1" ht="11.25" x14ac:dyDescent="0.25">
      <c r="A142" s="150">
        <v>40</v>
      </c>
      <c r="B142" s="153" t="s">
        <v>84</v>
      </c>
      <c r="C142" s="37" t="s">
        <v>44</v>
      </c>
      <c r="D142" s="38">
        <v>3569.8645194444448</v>
      </c>
      <c r="E142" s="7">
        <v>2427.5754861111113</v>
      </c>
      <c r="F142" s="8">
        <v>1142.2890333333335</v>
      </c>
      <c r="G142" s="9">
        <v>2892.5349638888883</v>
      </c>
      <c r="H142" s="39">
        <v>2085.3682972222223</v>
      </c>
      <c r="I142" s="40">
        <v>807.16666666666663</v>
      </c>
      <c r="J142" s="9">
        <v>16.601111111111113</v>
      </c>
      <c r="K142" s="39">
        <v>8.120000000000001</v>
      </c>
      <c r="L142" s="40">
        <v>8.4811111111111117</v>
      </c>
      <c r="M142" s="9">
        <v>505.64237777777771</v>
      </c>
      <c r="N142" s="39">
        <v>264.39598888888878</v>
      </c>
      <c r="O142" s="40">
        <v>241.24638888888893</v>
      </c>
      <c r="P142" s="9">
        <v>103.22168888888891</v>
      </c>
      <c r="Q142" s="39">
        <v>62.18675555555555</v>
      </c>
      <c r="R142" s="40">
        <v>41.034933333333342</v>
      </c>
      <c r="S142" s="9">
        <v>38.433277777777768</v>
      </c>
      <c r="T142" s="39">
        <v>5.764444444444444</v>
      </c>
      <c r="U142" s="40">
        <v>32.668833333333325</v>
      </c>
      <c r="V142" s="9">
        <v>2.9699999999999998</v>
      </c>
      <c r="W142" s="39">
        <v>0.96</v>
      </c>
      <c r="X142" s="40">
        <v>2.0099999999999998</v>
      </c>
      <c r="Y142" s="9">
        <v>10.4611</v>
      </c>
      <c r="Z142" s="39">
        <v>0.78</v>
      </c>
      <c r="AA142" s="40">
        <v>9.6811000000000007</v>
      </c>
    </row>
    <row r="143" spans="1:27" s="12" customFormat="1" ht="11.25" x14ac:dyDescent="0.25">
      <c r="A143" s="151"/>
      <c r="B143" s="154"/>
      <c r="C143" s="13" t="s">
        <v>63</v>
      </c>
      <c r="D143" s="18">
        <v>228.60060000000001</v>
      </c>
      <c r="E143" s="7">
        <v>138.51140000000001</v>
      </c>
      <c r="F143" s="8">
        <v>90.089200000000005</v>
      </c>
      <c r="G143" s="9">
        <v>169.61400000000003</v>
      </c>
      <c r="H143" s="16">
        <v>112.17360000000002</v>
      </c>
      <c r="I143" s="17">
        <v>57.440400000000011</v>
      </c>
      <c r="J143" s="9">
        <v>2.5099999999999998</v>
      </c>
      <c r="K143" s="16">
        <v>1.17</v>
      </c>
      <c r="L143" s="17">
        <v>1.34</v>
      </c>
      <c r="M143" s="9">
        <v>39.090000000000003</v>
      </c>
      <c r="N143" s="16">
        <v>17.4678</v>
      </c>
      <c r="O143" s="17">
        <v>21.622200000000003</v>
      </c>
      <c r="P143" s="9">
        <v>7.7021999999999995</v>
      </c>
      <c r="Q143" s="16">
        <v>4.8899999999999997</v>
      </c>
      <c r="R143" s="17">
        <v>2.8121999999999998</v>
      </c>
      <c r="S143" s="9">
        <v>6.3244000000000007</v>
      </c>
      <c r="T143" s="16">
        <v>1.8800000000000001</v>
      </c>
      <c r="U143" s="17">
        <v>4.4444000000000008</v>
      </c>
      <c r="V143" s="9">
        <v>0.11</v>
      </c>
      <c r="W143" s="16">
        <v>0</v>
      </c>
      <c r="X143" s="17">
        <v>0.11</v>
      </c>
      <c r="Y143" s="9">
        <v>3.25</v>
      </c>
      <c r="Z143" s="16">
        <v>0.92999999999999994</v>
      </c>
      <c r="AA143" s="17">
        <v>2.3200000000000003</v>
      </c>
    </row>
    <row r="144" spans="1:27" s="12" customFormat="1" ht="11.25" x14ac:dyDescent="0.25">
      <c r="A144" s="151"/>
      <c r="B144" s="154"/>
      <c r="C144" s="13" t="s">
        <v>64</v>
      </c>
      <c r="D144" s="18">
        <v>20.278199999999998</v>
      </c>
      <c r="E144" s="7">
        <v>20.278199999999998</v>
      </c>
      <c r="F144" s="8">
        <v>0</v>
      </c>
      <c r="G144" s="9">
        <v>17.506</v>
      </c>
      <c r="H144" s="16">
        <v>17.506</v>
      </c>
      <c r="I144" s="17">
        <v>0</v>
      </c>
      <c r="J144" s="9">
        <v>0</v>
      </c>
      <c r="K144" s="16">
        <v>0</v>
      </c>
      <c r="L144" s="17">
        <v>0</v>
      </c>
      <c r="M144" s="9">
        <v>0.22220000000000001</v>
      </c>
      <c r="N144" s="16">
        <v>0.22220000000000001</v>
      </c>
      <c r="O144" s="17">
        <v>0</v>
      </c>
      <c r="P144" s="9">
        <v>2.5499999999999998</v>
      </c>
      <c r="Q144" s="16">
        <v>2.5499999999999998</v>
      </c>
      <c r="R144" s="17">
        <v>0</v>
      </c>
      <c r="S144" s="9">
        <v>0</v>
      </c>
      <c r="T144" s="16">
        <v>0</v>
      </c>
      <c r="U144" s="17">
        <v>0</v>
      </c>
      <c r="V144" s="9">
        <v>0</v>
      </c>
      <c r="W144" s="16">
        <v>0</v>
      </c>
      <c r="X144" s="17">
        <v>0</v>
      </c>
      <c r="Y144" s="9">
        <v>0</v>
      </c>
      <c r="Z144" s="16">
        <v>0</v>
      </c>
      <c r="AA144" s="17">
        <v>0</v>
      </c>
    </row>
    <row r="145" spans="1:27" s="12" customFormat="1" ht="12" thickBot="1" x14ac:dyDescent="0.3">
      <c r="A145" s="152"/>
      <c r="B145" s="155"/>
      <c r="C145" s="43" t="s">
        <v>65</v>
      </c>
      <c r="D145" s="44">
        <v>5.1710000000000003</v>
      </c>
      <c r="E145" s="7">
        <v>3.7410000000000001</v>
      </c>
      <c r="F145" s="8">
        <v>1.4300000000000002</v>
      </c>
      <c r="G145" s="9">
        <v>4.0810000000000004</v>
      </c>
      <c r="H145" s="45">
        <v>3.2510000000000003</v>
      </c>
      <c r="I145" s="46">
        <v>0.83000000000000007</v>
      </c>
      <c r="J145" s="9">
        <v>0</v>
      </c>
      <c r="K145" s="45">
        <v>0</v>
      </c>
      <c r="L145" s="46">
        <v>0</v>
      </c>
      <c r="M145" s="9">
        <v>0.27</v>
      </c>
      <c r="N145" s="45">
        <v>0</v>
      </c>
      <c r="O145" s="46">
        <v>0.27</v>
      </c>
      <c r="P145" s="9">
        <v>0.11</v>
      </c>
      <c r="Q145" s="45">
        <v>0.11</v>
      </c>
      <c r="R145" s="46">
        <v>0</v>
      </c>
      <c r="S145" s="9">
        <v>0.6</v>
      </c>
      <c r="T145" s="45">
        <v>0.38</v>
      </c>
      <c r="U145" s="46">
        <v>0.22</v>
      </c>
      <c r="V145" s="9">
        <v>0</v>
      </c>
      <c r="W145" s="45">
        <v>0</v>
      </c>
      <c r="X145" s="46">
        <v>0</v>
      </c>
      <c r="Y145" s="9">
        <v>0.11</v>
      </c>
      <c r="Z145" s="45">
        <v>0</v>
      </c>
      <c r="AA145" s="46">
        <v>0.11</v>
      </c>
    </row>
    <row r="146" spans="1:27" s="12" customFormat="1" ht="11.25" x14ac:dyDescent="0.25">
      <c r="A146" s="150">
        <v>41</v>
      </c>
      <c r="B146" s="153" t="s">
        <v>85</v>
      </c>
      <c r="C146" s="37" t="s">
        <v>44</v>
      </c>
      <c r="D146" s="38">
        <v>4370.2087672777798</v>
      </c>
      <c r="E146" s="7">
        <v>2710.7928402777798</v>
      </c>
      <c r="F146" s="8">
        <v>1659.4159270000002</v>
      </c>
      <c r="G146" s="9">
        <v>3652.6463561666674</v>
      </c>
      <c r="H146" s="39">
        <v>2378.9979680555566</v>
      </c>
      <c r="I146" s="40">
        <v>1273.6483881111112</v>
      </c>
      <c r="J146" s="9">
        <v>28.139999999999997</v>
      </c>
      <c r="K146" s="39">
        <v>12.07</v>
      </c>
      <c r="L146" s="40">
        <v>16.069999999999997</v>
      </c>
      <c r="M146" s="9">
        <v>582.37368888888886</v>
      </c>
      <c r="N146" s="39">
        <v>275.21374999999995</v>
      </c>
      <c r="O146" s="40">
        <v>307.15993888888886</v>
      </c>
      <c r="P146" s="9">
        <v>50.259011111111107</v>
      </c>
      <c r="Q146" s="39">
        <v>30.18901111111111</v>
      </c>
      <c r="R146" s="40">
        <v>20.07</v>
      </c>
      <c r="S146" s="9">
        <v>42.202011111111119</v>
      </c>
      <c r="T146" s="39">
        <v>9.4321111111111122</v>
      </c>
      <c r="U146" s="40">
        <v>32.769900000000007</v>
      </c>
      <c r="V146" s="9">
        <v>4.5400000000000009</v>
      </c>
      <c r="W146" s="39">
        <v>2.5100000000000002</v>
      </c>
      <c r="X146" s="40">
        <v>2.0300000000000002</v>
      </c>
      <c r="Y146" s="9">
        <v>10.047699999999999</v>
      </c>
      <c r="Z146" s="39">
        <v>2.38</v>
      </c>
      <c r="AA146" s="40">
        <v>7.6677</v>
      </c>
    </row>
    <row r="147" spans="1:27" s="12" customFormat="1" ht="11.25" x14ac:dyDescent="0.25">
      <c r="A147" s="151"/>
      <c r="B147" s="154"/>
      <c r="C147" s="13" t="s">
        <v>63</v>
      </c>
      <c r="D147" s="18">
        <v>279.91800000000001</v>
      </c>
      <c r="E147" s="7">
        <v>155.82310000000001</v>
      </c>
      <c r="F147" s="8">
        <v>124.0949</v>
      </c>
      <c r="G147" s="9">
        <v>216.60970000000003</v>
      </c>
      <c r="H147" s="16">
        <v>132.0386</v>
      </c>
      <c r="I147" s="17">
        <v>84.571100000000001</v>
      </c>
      <c r="J147" s="9">
        <v>2.97</v>
      </c>
      <c r="K147" s="16">
        <v>0.7</v>
      </c>
      <c r="L147" s="17">
        <v>2.27</v>
      </c>
      <c r="M147" s="9">
        <v>45.377400000000002</v>
      </c>
      <c r="N147" s="16">
        <v>18.3535</v>
      </c>
      <c r="O147" s="17">
        <v>27.023900000000005</v>
      </c>
      <c r="P147" s="9">
        <v>3.4377000000000004</v>
      </c>
      <c r="Q147" s="16">
        <v>1.52</v>
      </c>
      <c r="R147" s="17">
        <v>1.9177</v>
      </c>
      <c r="S147" s="9">
        <v>6.6731999999999996</v>
      </c>
      <c r="T147" s="16">
        <v>1.5409999999999999</v>
      </c>
      <c r="U147" s="17">
        <v>5.1322000000000001</v>
      </c>
      <c r="V147" s="9">
        <v>0.72000000000000008</v>
      </c>
      <c r="W147" s="16">
        <v>0.6100000000000001</v>
      </c>
      <c r="X147" s="17">
        <v>0.11</v>
      </c>
      <c r="Y147" s="9">
        <v>4.1300000000000008</v>
      </c>
      <c r="Z147" s="16">
        <v>1.06</v>
      </c>
      <c r="AA147" s="17">
        <v>3.0700000000000003</v>
      </c>
    </row>
    <row r="148" spans="1:27" s="12" customFormat="1" ht="11.25" x14ac:dyDescent="0.25">
      <c r="A148" s="151"/>
      <c r="B148" s="154"/>
      <c r="C148" s="13" t="s">
        <v>64</v>
      </c>
      <c r="D148" s="18">
        <v>24.753299999999999</v>
      </c>
      <c r="E148" s="7">
        <v>24.193300000000001</v>
      </c>
      <c r="F148" s="8">
        <v>0.56000000000000005</v>
      </c>
      <c r="G148" s="9">
        <v>17.16</v>
      </c>
      <c r="H148" s="16">
        <v>16.600000000000001</v>
      </c>
      <c r="I148" s="17">
        <v>0.56000000000000005</v>
      </c>
      <c r="J148" s="9">
        <v>0</v>
      </c>
      <c r="K148" s="16">
        <v>0</v>
      </c>
      <c r="L148" s="17">
        <v>0</v>
      </c>
      <c r="M148" s="9">
        <v>4.3933</v>
      </c>
      <c r="N148" s="16">
        <v>4.3933</v>
      </c>
      <c r="O148" s="17">
        <v>0</v>
      </c>
      <c r="P148" s="9">
        <v>2.04</v>
      </c>
      <c r="Q148" s="16">
        <v>2.04</v>
      </c>
      <c r="R148" s="17">
        <v>0</v>
      </c>
      <c r="S148" s="9">
        <v>1.1600000000000001</v>
      </c>
      <c r="T148" s="16">
        <v>1.1600000000000001</v>
      </c>
      <c r="U148" s="17">
        <v>0</v>
      </c>
      <c r="V148" s="9">
        <v>0</v>
      </c>
      <c r="W148" s="16">
        <v>0</v>
      </c>
      <c r="X148" s="17">
        <v>0</v>
      </c>
      <c r="Y148" s="9">
        <v>0</v>
      </c>
      <c r="Z148" s="16">
        <v>0</v>
      </c>
      <c r="AA148" s="17">
        <v>0</v>
      </c>
    </row>
    <row r="149" spans="1:27" s="12" customFormat="1" ht="12" thickBot="1" x14ac:dyDescent="0.3">
      <c r="A149" s="152"/>
      <c r="B149" s="155"/>
      <c r="C149" s="43" t="s">
        <v>65</v>
      </c>
      <c r="D149" s="44">
        <v>5.6800000000000006</v>
      </c>
      <c r="E149" s="7">
        <v>3.1300000000000003</v>
      </c>
      <c r="F149" s="8">
        <v>2.5500000000000003</v>
      </c>
      <c r="G149" s="9">
        <v>2.4699999999999998</v>
      </c>
      <c r="H149" s="45">
        <v>1.3000000000000003</v>
      </c>
      <c r="I149" s="46">
        <v>1.17</v>
      </c>
      <c r="J149" s="9">
        <v>0</v>
      </c>
      <c r="K149" s="45">
        <v>0</v>
      </c>
      <c r="L149" s="46">
        <v>0</v>
      </c>
      <c r="M149" s="9">
        <v>2.21</v>
      </c>
      <c r="N149" s="45">
        <v>1.6600000000000001</v>
      </c>
      <c r="O149" s="46">
        <v>0.55000000000000004</v>
      </c>
      <c r="P149" s="9">
        <v>0</v>
      </c>
      <c r="Q149" s="45">
        <v>0</v>
      </c>
      <c r="R149" s="46">
        <v>0</v>
      </c>
      <c r="S149" s="9">
        <v>0.94000000000000006</v>
      </c>
      <c r="T149" s="45">
        <v>0.17</v>
      </c>
      <c r="U149" s="46">
        <v>0.77</v>
      </c>
      <c r="V149" s="9">
        <v>0</v>
      </c>
      <c r="W149" s="45">
        <v>0</v>
      </c>
      <c r="X149" s="46">
        <v>0</v>
      </c>
      <c r="Y149" s="9">
        <v>0.06</v>
      </c>
      <c r="Z149" s="45">
        <v>0</v>
      </c>
      <c r="AA149" s="46">
        <v>0.06</v>
      </c>
    </row>
    <row r="150" spans="1:27" s="12" customFormat="1" ht="11.25" x14ac:dyDescent="0.25">
      <c r="A150" s="150">
        <v>42</v>
      </c>
      <c r="B150" s="153" t="s">
        <v>86</v>
      </c>
      <c r="C150" s="37" t="s">
        <v>44</v>
      </c>
      <c r="D150" s="38">
        <v>129.40117777777778</v>
      </c>
      <c r="E150" s="7">
        <v>100.47623333333333</v>
      </c>
      <c r="F150" s="8">
        <v>28.924944444444442</v>
      </c>
      <c r="G150" s="9">
        <v>101.72422222222221</v>
      </c>
      <c r="H150" s="39">
        <v>81.03479999999999</v>
      </c>
      <c r="I150" s="40">
        <v>20.68942222222222</v>
      </c>
      <c r="J150" s="9">
        <v>0</v>
      </c>
      <c r="K150" s="39">
        <v>0</v>
      </c>
      <c r="L150" s="40">
        <v>0</v>
      </c>
      <c r="M150" s="9">
        <v>21.297988888888892</v>
      </c>
      <c r="N150" s="39">
        <v>14.949133333333338</v>
      </c>
      <c r="O150" s="40">
        <v>6.3488555555555548</v>
      </c>
      <c r="P150" s="9">
        <v>3.5999999999999996</v>
      </c>
      <c r="Q150" s="39">
        <v>3.37</v>
      </c>
      <c r="R150" s="40">
        <v>0.23</v>
      </c>
      <c r="S150" s="9">
        <v>2.1389666666666667</v>
      </c>
      <c r="T150" s="39">
        <v>0.68229999999999991</v>
      </c>
      <c r="U150" s="40">
        <v>1.4566666666666666</v>
      </c>
      <c r="V150" s="9">
        <v>0.13</v>
      </c>
      <c r="W150" s="39">
        <v>0.13</v>
      </c>
      <c r="X150" s="40">
        <v>0</v>
      </c>
      <c r="Y150" s="9">
        <v>0.51</v>
      </c>
      <c r="Z150" s="39">
        <v>0.31</v>
      </c>
      <c r="AA150" s="40">
        <v>0.2</v>
      </c>
    </row>
    <row r="151" spans="1:27" s="12" customFormat="1" ht="11.25" x14ac:dyDescent="0.25">
      <c r="A151" s="151"/>
      <c r="B151" s="154"/>
      <c r="C151" s="13" t="s">
        <v>63</v>
      </c>
      <c r="D151" s="18">
        <v>20.3825</v>
      </c>
      <c r="E151" s="7">
        <v>9.0658000000000012</v>
      </c>
      <c r="F151" s="8">
        <v>11.316700000000001</v>
      </c>
      <c r="G151" s="9">
        <v>15.9444</v>
      </c>
      <c r="H151" s="16">
        <v>6.3977000000000004</v>
      </c>
      <c r="I151" s="17">
        <v>9.5467000000000013</v>
      </c>
      <c r="J151" s="9">
        <v>0.22110000000000002</v>
      </c>
      <c r="K151" s="16">
        <v>0.22110000000000002</v>
      </c>
      <c r="L151" s="17">
        <v>0</v>
      </c>
      <c r="M151" s="9">
        <v>3.9969999999999999</v>
      </c>
      <c r="N151" s="16">
        <v>2.3370000000000002</v>
      </c>
      <c r="O151" s="17">
        <v>1.66</v>
      </c>
      <c r="P151" s="9">
        <v>0.11</v>
      </c>
      <c r="Q151" s="16">
        <v>0</v>
      </c>
      <c r="R151" s="17">
        <v>0.11</v>
      </c>
      <c r="S151" s="9">
        <v>0.11</v>
      </c>
      <c r="T151" s="16">
        <v>0.11</v>
      </c>
      <c r="U151" s="17">
        <v>0</v>
      </c>
      <c r="V151" s="9">
        <v>0</v>
      </c>
      <c r="W151" s="16">
        <v>0</v>
      </c>
      <c r="X151" s="17">
        <v>0</v>
      </c>
      <c r="Y151" s="9">
        <v>0</v>
      </c>
      <c r="Z151" s="16">
        <v>0</v>
      </c>
      <c r="AA151" s="17">
        <v>0</v>
      </c>
    </row>
    <row r="152" spans="1:27" s="12" customFormat="1" ht="11.25" x14ac:dyDescent="0.25">
      <c r="A152" s="151"/>
      <c r="B152" s="154"/>
      <c r="C152" s="13" t="s">
        <v>64</v>
      </c>
      <c r="D152" s="18">
        <v>0.66</v>
      </c>
      <c r="E152" s="7">
        <v>0.66</v>
      </c>
      <c r="F152" s="8">
        <v>0</v>
      </c>
      <c r="G152" s="9">
        <v>0.44</v>
      </c>
      <c r="H152" s="16">
        <v>0.44</v>
      </c>
      <c r="I152" s="17">
        <v>0</v>
      </c>
      <c r="J152" s="9">
        <v>0</v>
      </c>
      <c r="K152" s="16">
        <v>0</v>
      </c>
      <c r="L152" s="17">
        <v>0</v>
      </c>
      <c r="M152" s="9">
        <v>0.22</v>
      </c>
      <c r="N152" s="16">
        <v>0.22</v>
      </c>
      <c r="O152" s="17">
        <v>0</v>
      </c>
      <c r="P152" s="9">
        <v>0</v>
      </c>
      <c r="Q152" s="16">
        <v>0</v>
      </c>
      <c r="R152" s="17">
        <v>0</v>
      </c>
      <c r="S152" s="9">
        <v>0</v>
      </c>
      <c r="T152" s="16">
        <v>0</v>
      </c>
      <c r="U152" s="17">
        <v>0</v>
      </c>
      <c r="V152" s="9">
        <v>0</v>
      </c>
      <c r="W152" s="16">
        <v>0</v>
      </c>
      <c r="X152" s="17">
        <v>0</v>
      </c>
      <c r="Y152" s="9">
        <v>0</v>
      </c>
      <c r="Z152" s="16">
        <v>0</v>
      </c>
      <c r="AA152" s="17">
        <v>0</v>
      </c>
    </row>
    <row r="153" spans="1:27" s="12" customFormat="1" ht="12" thickBot="1" x14ac:dyDescent="0.3">
      <c r="A153" s="152"/>
      <c r="B153" s="155"/>
      <c r="C153" s="43" t="s">
        <v>65</v>
      </c>
      <c r="D153" s="44">
        <v>1.0900000000000001</v>
      </c>
      <c r="E153" s="7">
        <v>0.42</v>
      </c>
      <c r="F153" s="8">
        <v>0.67</v>
      </c>
      <c r="G153" s="9">
        <v>0.87000000000000011</v>
      </c>
      <c r="H153" s="45">
        <v>0.42</v>
      </c>
      <c r="I153" s="46">
        <v>0.45</v>
      </c>
      <c r="J153" s="9">
        <v>0</v>
      </c>
      <c r="K153" s="45">
        <v>0</v>
      </c>
      <c r="L153" s="46">
        <v>0</v>
      </c>
      <c r="M153" s="9">
        <v>0.22</v>
      </c>
      <c r="N153" s="45">
        <v>0</v>
      </c>
      <c r="O153" s="46">
        <v>0.22</v>
      </c>
      <c r="P153" s="9">
        <v>0</v>
      </c>
      <c r="Q153" s="45">
        <v>0</v>
      </c>
      <c r="R153" s="46">
        <v>0</v>
      </c>
      <c r="S153" s="9">
        <v>0</v>
      </c>
      <c r="T153" s="45">
        <v>0</v>
      </c>
      <c r="U153" s="46">
        <v>0</v>
      </c>
      <c r="V153" s="9">
        <v>0</v>
      </c>
      <c r="W153" s="45">
        <v>0</v>
      </c>
      <c r="X153" s="46">
        <v>0</v>
      </c>
      <c r="Y153" s="9">
        <v>0</v>
      </c>
      <c r="Z153" s="45">
        <v>0</v>
      </c>
      <c r="AA153" s="46">
        <v>0</v>
      </c>
    </row>
    <row r="154" spans="1:27" s="12" customFormat="1" ht="11.25" x14ac:dyDescent="0.25">
      <c r="A154" s="150">
        <v>43</v>
      </c>
      <c r="B154" s="153" t="s">
        <v>87</v>
      </c>
      <c r="C154" s="37" t="s">
        <v>44</v>
      </c>
      <c r="D154" s="38">
        <v>101.23813333333334</v>
      </c>
      <c r="E154" s="7">
        <v>75.625911111111108</v>
      </c>
      <c r="F154" s="8">
        <v>25.612222222222226</v>
      </c>
      <c r="G154" s="9">
        <v>71.55901111111109</v>
      </c>
      <c r="H154" s="39">
        <v>55.86678888888887</v>
      </c>
      <c r="I154" s="40">
        <v>15.692222222222224</v>
      </c>
      <c r="J154" s="9">
        <v>0.50109999999999999</v>
      </c>
      <c r="K154" s="39">
        <v>0.50109999999999999</v>
      </c>
      <c r="L154" s="40">
        <v>0</v>
      </c>
      <c r="M154" s="9">
        <v>20.74111111111111</v>
      </c>
      <c r="N154" s="39">
        <v>13.40111111111111</v>
      </c>
      <c r="O154" s="40">
        <v>7.34</v>
      </c>
      <c r="P154" s="9">
        <v>1.3911111111111112</v>
      </c>
      <c r="Q154" s="39">
        <v>1.2311111111111113</v>
      </c>
      <c r="R154" s="40">
        <v>0.16</v>
      </c>
      <c r="S154" s="9">
        <v>4.9257999999999997</v>
      </c>
      <c r="T154" s="39">
        <v>3.0057999999999998</v>
      </c>
      <c r="U154" s="40">
        <v>1.9200000000000002</v>
      </c>
      <c r="V154" s="9">
        <v>1.67</v>
      </c>
      <c r="W154" s="39">
        <v>1.17</v>
      </c>
      <c r="X154" s="40">
        <v>0.5</v>
      </c>
      <c r="Y154" s="9">
        <v>0.45000000000000007</v>
      </c>
      <c r="Z154" s="39">
        <v>0.45000000000000007</v>
      </c>
      <c r="AA154" s="40">
        <v>0</v>
      </c>
    </row>
    <row r="155" spans="1:27" s="12" customFormat="1" ht="11.25" x14ac:dyDescent="0.25">
      <c r="A155" s="151"/>
      <c r="B155" s="154"/>
      <c r="C155" s="13" t="s">
        <v>63</v>
      </c>
      <c r="D155" s="18">
        <v>8.0809999999999995</v>
      </c>
      <c r="E155" s="7">
        <v>6.101</v>
      </c>
      <c r="F155" s="8">
        <v>1.9800000000000002</v>
      </c>
      <c r="G155" s="9">
        <v>5.9700000000000006</v>
      </c>
      <c r="H155" s="16">
        <v>5.1000000000000005</v>
      </c>
      <c r="I155" s="17">
        <v>0.87000000000000011</v>
      </c>
      <c r="J155" s="9">
        <v>0</v>
      </c>
      <c r="K155" s="16">
        <v>0</v>
      </c>
      <c r="L155" s="17">
        <v>0</v>
      </c>
      <c r="M155" s="9">
        <v>1.0510000000000002</v>
      </c>
      <c r="N155" s="16">
        <v>0.55100000000000005</v>
      </c>
      <c r="O155" s="17">
        <v>0.5</v>
      </c>
      <c r="P155" s="9">
        <v>0.16999999999999998</v>
      </c>
      <c r="Q155" s="16">
        <v>0.16999999999999998</v>
      </c>
      <c r="R155" s="17">
        <v>0</v>
      </c>
      <c r="S155" s="9">
        <v>0.83000000000000007</v>
      </c>
      <c r="T155" s="16">
        <v>0.22</v>
      </c>
      <c r="U155" s="17">
        <v>0.6100000000000001</v>
      </c>
      <c r="V155" s="9">
        <v>0</v>
      </c>
      <c r="W155" s="16">
        <v>0</v>
      </c>
      <c r="X155" s="17">
        <v>0</v>
      </c>
      <c r="Y155" s="9">
        <v>0.06</v>
      </c>
      <c r="Z155" s="16">
        <v>0.06</v>
      </c>
      <c r="AA155" s="17">
        <v>0</v>
      </c>
    </row>
    <row r="156" spans="1:27" s="12" customFormat="1" ht="11.25" x14ac:dyDescent="0.25">
      <c r="A156" s="151"/>
      <c r="B156" s="154"/>
      <c r="C156" s="13" t="s">
        <v>64</v>
      </c>
      <c r="D156" s="18">
        <v>4</v>
      </c>
      <c r="E156" s="7">
        <v>4</v>
      </c>
      <c r="F156" s="8">
        <v>0</v>
      </c>
      <c r="G156" s="9">
        <v>3</v>
      </c>
      <c r="H156" s="16">
        <v>3</v>
      </c>
      <c r="I156" s="17">
        <v>0</v>
      </c>
      <c r="J156" s="9">
        <v>0</v>
      </c>
      <c r="K156" s="16">
        <v>0</v>
      </c>
      <c r="L156" s="17">
        <v>0</v>
      </c>
      <c r="M156" s="9">
        <v>0</v>
      </c>
      <c r="N156" s="16">
        <v>0</v>
      </c>
      <c r="O156" s="17">
        <v>0</v>
      </c>
      <c r="P156" s="9">
        <v>0</v>
      </c>
      <c r="Q156" s="16">
        <v>0</v>
      </c>
      <c r="R156" s="17">
        <v>0</v>
      </c>
      <c r="S156" s="9">
        <v>0</v>
      </c>
      <c r="T156" s="16">
        <v>0</v>
      </c>
      <c r="U156" s="17">
        <v>0</v>
      </c>
      <c r="V156" s="9">
        <v>1</v>
      </c>
      <c r="W156" s="16">
        <v>1</v>
      </c>
      <c r="X156" s="17">
        <v>0</v>
      </c>
      <c r="Y156" s="9">
        <v>0</v>
      </c>
      <c r="Z156" s="16">
        <v>0</v>
      </c>
      <c r="AA156" s="17">
        <v>0</v>
      </c>
    </row>
    <row r="157" spans="1:27" s="12" customFormat="1" ht="12" thickBot="1" x14ac:dyDescent="0.3">
      <c r="A157" s="152"/>
      <c r="B157" s="155"/>
      <c r="C157" s="43" t="s">
        <v>65</v>
      </c>
      <c r="D157" s="44">
        <v>2.0004</v>
      </c>
      <c r="E157" s="7">
        <v>1.3904000000000001</v>
      </c>
      <c r="F157" s="8">
        <v>0.61</v>
      </c>
      <c r="G157" s="9">
        <v>1.4494</v>
      </c>
      <c r="H157" s="45">
        <v>1.1194</v>
      </c>
      <c r="I157" s="46">
        <v>0.33</v>
      </c>
      <c r="J157" s="9">
        <v>0</v>
      </c>
      <c r="K157" s="45">
        <v>0</v>
      </c>
      <c r="L157" s="46">
        <v>0</v>
      </c>
      <c r="M157" s="9">
        <v>0.33100000000000002</v>
      </c>
      <c r="N157" s="45">
        <v>0.221</v>
      </c>
      <c r="O157" s="46">
        <v>0.11</v>
      </c>
      <c r="P157" s="9">
        <v>0.05</v>
      </c>
      <c r="Q157" s="45">
        <v>0.05</v>
      </c>
      <c r="R157" s="46">
        <v>0</v>
      </c>
      <c r="S157" s="9">
        <v>0.17</v>
      </c>
      <c r="T157" s="45">
        <v>0</v>
      </c>
      <c r="U157" s="46">
        <v>0.17</v>
      </c>
      <c r="V157" s="9">
        <v>0</v>
      </c>
      <c r="W157" s="45">
        <v>0</v>
      </c>
      <c r="X157" s="46">
        <v>0</v>
      </c>
      <c r="Y157" s="9">
        <v>0</v>
      </c>
      <c r="Z157" s="45">
        <v>0</v>
      </c>
      <c r="AA157" s="46">
        <v>0</v>
      </c>
    </row>
    <row r="158" spans="1:27" s="12" customFormat="1" ht="11.25" x14ac:dyDescent="0.25">
      <c r="A158" s="150">
        <v>44</v>
      </c>
      <c r="B158" s="153" t="s">
        <v>88</v>
      </c>
      <c r="C158" s="37" t="s">
        <v>44</v>
      </c>
      <c r="D158" s="38">
        <v>1995.0003333310001</v>
      </c>
      <c r="E158" s="7">
        <v>1114.07942222</v>
      </c>
      <c r="F158" s="8">
        <v>880.92091111100001</v>
      </c>
      <c r="G158" s="9">
        <v>1233.194</v>
      </c>
      <c r="H158" s="39">
        <v>750.07176666666669</v>
      </c>
      <c r="I158" s="40">
        <v>483.12223333333338</v>
      </c>
      <c r="J158" s="9">
        <v>23.073411111111113</v>
      </c>
      <c r="K158" s="39">
        <v>10.4923</v>
      </c>
      <c r="L158" s="40">
        <v>12.581111111111111</v>
      </c>
      <c r="M158" s="9">
        <v>513.88239444211115</v>
      </c>
      <c r="N158" s="39">
        <v>273.2242166644445</v>
      </c>
      <c r="O158" s="40">
        <v>240.65817777766665</v>
      </c>
      <c r="P158" s="9">
        <v>36.88055555555556</v>
      </c>
      <c r="Q158" s="39">
        <v>21.207777777777778</v>
      </c>
      <c r="R158" s="40">
        <v>15.672777777777778</v>
      </c>
      <c r="S158" s="9">
        <v>137.03117222222221</v>
      </c>
      <c r="T158" s="39">
        <v>45.813361111111107</v>
      </c>
      <c r="U158" s="40">
        <v>91.217811111111118</v>
      </c>
      <c r="V158" s="9">
        <v>11.810000000000002</v>
      </c>
      <c r="W158" s="39">
        <v>2.5200000000000005</v>
      </c>
      <c r="X158" s="40">
        <v>9.2900000000000009</v>
      </c>
      <c r="Y158" s="9">
        <v>39.128800000000005</v>
      </c>
      <c r="Z158" s="39">
        <v>10.750000000000004</v>
      </c>
      <c r="AA158" s="40">
        <v>28.378800000000002</v>
      </c>
    </row>
    <row r="159" spans="1:27" s="12" customFormat="1" ht="11.25" x14ac:dyDescent="0.25">
      <c r="A159" s="151"/>
      <c r="B159" s="154"/>
      <c r="C159" s="13" t="s">
        <v>63</v>
      </c>
      <c r="D159" s="18">
        <v>123.76760000000002</v>
      </c>
      <c r="E159" s="7">
        <v>63.287800000000011</v>
      </c>
      <c r="F159" s="8">
        <v>60.479800000000012</v>
      </c>
      <c r="G159" s="9">
        <v>70.879400000000004</v>
      </c>
      <c r="H159" s="16">
        <v>38.6751</v>
      </c>
      <c r="I159" s="17">
        <v>32.204300000000003</v>
      </c>
      <c r="J159" s="9">
        <v>2.1680000000000001</v>
      </c>
      <c r="K159" s="16">
        <v>1.0580000000000001</v>
      </c>
      <c r="L159" s="17">
        <v>1.1100000000000001</v>
      </c>
      <c r="M159" s="9">
        <v>30.198800000000002</v>
      </c>
      <c r="N159" s="16">
        <v>13.172200000000002</v>
      </c>
      <c r="O159" s="17">
        <v>17.026600000000002</v>
      </c>
      <c r="P159" s="9">
        <v>3.12</v>
      </c>
      <c r="Q159" s="16">
        <v>2.4500000000000002</v>
      </c>
      <c r="R159" s="17">
        <v>0.67</v>
      </c>
      <c r="S159" s="9">
        <v>11.991400000000001</v>
      </c>
      <c r="T159" s="16">
        <v>5.5825000000000005</v>
      </c>
      <c r="U159" s="17">
        <v>6.4089</v>
      </c>
      <c r="V159" s="9">
        <v>0.06</v>
      </c>
      <c r="W159" s="16">
        <v>0</v>
      </c>
      <c r="X159" s="17">
        <v>0.06</v>
      </c>
      <c r="Y159" s="9">
        <v>5.3500000000000005</v>
      </c>
      <c r="Z159" s="16">
        <v>2.35</v>
      </c>
      <c r="AA159" s="17">
        <v>3.0000000000000004</v>
      </c>
    </row>
    <row r="160" spans="1:27" s="12" customFormat="1" ht="11.25" x14ac:dyDescent="0.25">
      <c r="A160" s="151"/>
      <c r="B160" s="154"/>
      <c r="C160" s="13" t="s">
        <v>64</v>
      </c>
      <c r="D160" s="18">
        <v>11.252199999999998</v>
      </c>
      <c r="E160" s="7">
        <v>11.252199999999998</v>
      </c>
      <c r="F160" s="8">
        <v>0</v>
      </c>
      <c r="G160" s="9">
        <v>7.9499999999999993</v>
      </c>
      <c r="H160" s="16">
        <v>7.9499999999999993</v>
      </c>
      <c r="I160" s="17">
        <v>0</v>
      </c>
      <c r="J160" s="9">
        <v>0</v>
      </c>
      <c r="K160" s="16">
        <v>0</v>
      </c>
      <c r="L160" s="17">
        <v>0</v>
      </c>
      <c r="M160" s="9">
        <v>1.8922000000000001</v>
      </c>
      <c r="N160" s="16">
        <v>1.8922000000000001</v>
      </c>
      <c r="O160" s="17">
        <v>0</v>
      </c>
      <c r="P160" s="9">
        <v>0.57999999999999996</v>
      </c>
      <c r="Q160" s="16">
        <v>0.57999999999999996</v>
      </c>
      <c r="R160" s="17">
        <v>0</v>
      </c>
      <c r="S160" s="9">
        <v>0.61</v>
      </c>
      <c r="T160" s="16">
        <v>0.61</v>
      </c>
      <c r="U160" s="17">
        <v>0</v>
      </c>
      <c r="V160" s="9">
        <v>0</v>
      </c>
      <c r="W160" s="16">
        <v>0</v>
      </c>
      <c r="X160" s="17">
        <v>0</v>
      </c>
      <c r="Y160" s="9">
        <v>0.22</v>
      </c>
      <c r="Z160" s="16">
        <v>0.22</v>
      </c>
      <c r="AA160" s="17">
        <v>0</v>
      </c>
    </row>
    <row r="161" spans="1:27" s="12" customFormat="1" ht="12" thickBot="1" x14ac:dyDescent="0.3">
      <c r="A161" s="152"/>
      <c r="B161" s="155"/>
      <c r="C161" s="43" t="s">
        <v>65</v>
      </c>
      <c r="D161" s="44">
        <v>4.0600000000000005</v>
      </c>
      <c r="E161" s="7">
        <v>1.9100000000000001</v>
      </c>
      <c r="F161" s="8">
        <v>2.15</v>
      </c>
      <c r="G161" s="9">
        <v>2.6</v>
      </c>
      <c r="H161" s="45">
        <v>1.1599999999999999</v>
      </c>
      <c r="I161" s="46">
        <v>1.44</v>
      </c>
      <c r="J161" s="9">
        <v>0</v>
      </c>
      <c r="K161" s="45">
        <v>0</v>
      </c>
      <c r="L161" s="46">
        <v>0</v>
      </c>
      <c r="M161" s="9">
        <v>0.60000000000000009</v>
      </c>
      <c r="N161" s="45">
        <v>0.33</v>
      </c>
      <c r="O161" s="46">
        <v>0.27</v>
      </c>
      <c r="P161" s="9">
        <v>0.36</v>
      </c>
      <c r="Q161" s="45">
        <v>0.31</v>
      </c>
      <c r="R161" s="46">
        <v>0.05</v>
      </c>
      <c r="S161" s="9">
        <v>0.28000000000000003</v>
      </c>
      <c r="T161" s="45">
        <v>0.11</v>
      </c>
      <c r="U161" s="46">
        <v>0.17</v>
      </c>
      <c r="V161" s="9">
        <v>0</v>
      </c>
      <c r="W161" s="45">
        <v>0</v>
      </c>
      <c r="X161" s="46">
        <v>0</v>
      </c>
      <c r="Y161" s="9">
        <v>0.22</v>
      </c>
      <c r="Z161" s="45">
        <v>0</v>
      </c>
      <c r="AA161" s="46">
        <v>0.22</v>
      </c>
    </row>
    <row r="162" spans="1:27" s="12" customFormat="1" ht="11.25" x14ac:dyDescent="0.25">
      <c r="A162" s="150">
        <v>45</v>
      </c>
      <c r="B162" s="153" t="s">
        <v>89</v>
      </c>
      <c r="C162" s="37" t="s">
        <v>44</v>
      </c>
      <c r="D162" s="38">
        <v>649.33855555555556</v>
      </c>
      <c r="E162" s="7">
        <v>618.13855555555551</v>
      </c>
      <c r="F162" s="8">
        <v>31.199999999999996</v>
      </c>
      <c r="G162" s="9">
        <v>486.428</v>
      </c>
      <c r="H162" s="39">
        <v>470.40911111111109</v>
      </c>
      <c r="I162" s="40">
        <v>16.018888888888888</v>
      </c>
      <c r="J162" s="9">
        <v>5.71</v>
      </c>
      <c r="K162" s="39">
        <v>5.21</v>
      </c>
      <c r="L162" s="40">
        <v>0.5</v>
      </c>
      <c r="M162" s="9">
        <v>102.95385555555553</v>
      </c>
      <c r="N162" s="39">
        <v>92.202744444444434</v>
      </c>
      <c r="O162" s="40">
        <v>10.75111111111111</v>
      </c>
      <c r="P162" s="9">
        <v>42.841100000000004</v>
      </c>
      <c r="Q162" s="39">
        <v>41.841100000000004</v>
      </c>
      <c r="R162" s="40">
        <v>1</v>
      </c>
      <c r="S162" s="9">
        <v>7.6400000000000006</v>
      </c>
      <c r="T162" s="39">
        <v>4.9900000000000011</v>
      </c>
      <c r="U162" s="40">
        <v>2.65</v>
      </c>
      <c r="V162" s="9">
        <v>1.85</v>
      </c>
      <c r="W162" s="39">
        <v>1.85</v>
      </c>
      <c r="X162" s="40">
        <v>0</v>
      </c>
      <c r="Y162" s="9">
        <v>1.9156000000000002</v>
      </c>
      <c r="Z162" s="39">
        <v>1.6356000000000002</v>
      </c>
      <c r="AA162" s="40">
        <v>0.28000000000000003</v>
      </c>
    </row>
    <row r="163" spans="1:27" s="12" customFormat="1" ht="11.25" x14ac:dyDescent="0.25">
      <c r="A163" s="151"/>
      <c r="B163" s="154"/>
      <c r="C163" s="13" t="s">
        <v>63</v>
      </c>
      <c r="D163" s="18">
        <v>62.917500000000004</v>
      </c>
      <c r="E163" s="7">
        <v>60.850500000000004</v>
      </c>
      <c r="F163" s="8">
        <v>2.0670000000000002</v>
      </c>
      <c r="G163" s="9">
        <v>53.017800000000001</v>
      </c>
      <c r="H163" s="16">
        <v>52.2378</v>
      </c>
      <c r="I163" s="17">
        <v>0.78</v>
      </c>
      <c r="J163" s="9">
        <v>1.1400000000000001</v>
      </c>
      <c r="K163" s="16">
        <v>1.1400000000000001</v>
      </c>
      <c r="L163" s="17">
        <v>0</v>
      </c>
      <c r="M163" s="9">
        <v>3.5129999999999999</v>
      </c>
      <c r="N163" s="16">
        <v>2.226</v>
      </c>
      <c r="O163" s="17">
        <v>1.2869999999999999</v>
      </c>
      <c r="P163" s="9">
        <v>4.3667000000000007</v>
      </c>
      <c r="Q163" s="16">
        <v>4.3667000000000007</v>
      </c>
      <c r="R163" s="17">
        <v>0</v>
      </c>
      <c r="S163" s="9">
        <v>0.22</v>
      </c>
      <c r="T163" s="16">
        <v>0.22</v>
      </c>
      <c r="U163" s="17">
        <v>0</v>
      </c>
      <c r="V163" s="9">
        <v>0</v>
      </c>
      <c r="W163" s="16">
        <v>0</v>
      </c>
      <c r="X163" s="17">
        <v>0</v>
      </c>
      <c r="Y163" s="9">
        <v>0.66</v>
      </c>
      <c r="Z163" s="16">
        <v>0.66</v>
      </c>
      <c r="AA163" s="17">
        <v>0</v>
      </c>
    </row>
    <row r="164" spans="1:27" s="12" customFormat="1" ht="11.25" x14ac:dyDescent="0.25">
      <c r="A164" s="151"/>
      <c r="B164" s="154"/>
      <c r="C164" s="13" t="s">
        <v>64</v>
      </c>
      <c r="D164" s="18">
        <v>2.31</v>
      </c>
      <c r="E164" s="7">
        <v>0.86</v>
      </c>
      <c r="F164" s="8">
        <v>1.45</v>
      </c>
      <c r="G164" s="9">
        <v>1.86</v>
      </c>
      <c r="H164" s="16">
        <v>0.86</v>
      </c>
      <c r="I164" s="17">
        <v>1</v>
      </c>
      <c r="J164" s="9">
        <v>0</v>
      </c>
      <c r="K164" s="16">
        <v>0</v>
      </c>
      <c r="L164" s="17">
        <v>0</v>
      </c>
      <c r="M164" s="9">
        <v>0.45</v>
      </c>
      <c r="N164" s="16">
        <v>0</v>
      </c>
      <c r="O164" s="17">
        <v>0.45</v>
      </c>
      <c r="P164" s="9">
        <v>0</v>
      </c>
      <c r="Q164" s="16">
        <v>0</v>
      </c>
      <c r="R164" s="17">
        <v>0</v>
      </c>
      <c r="S164" s="9">
        <v>0</v>
      </c>
      <c r="T164" s="16">
        <v>0</v>
      </c>
      <c r="U164" s="17">
        <v>0</v>
      </c>
      <c r="V164" s="9">
        <v>0</v>
      </c>
      <c r="W164" s="16">
        <v>0</v>
      </c>
      <c r="X164" s="17">
        <v>0</v>
      </c>
      <c r="Y164" s="9">
        <v>0</v>
      </c>
      <c r="Z164" s="16">
        <v>0</v>
      </c>
      <c r="AA164" s="17">
        <v>0</v>
      </c>
    </row>
    <row r="165" spans="1:27" s="12" customFormat="1" ht="12" thickBot="1" x14ac:dyDescent="0.3">
      <c r="A165" s="152"/>
      <c r="B165" s="155"/>
      <c r="C165" s="43" t="s">
        <v>65</v>
      </c>
      <c r="D165" s="44">
        <v>1.46031</v>
      </c>
      <c r="E165" s="7">
        <v>1.18031</v>
      </c>
      <c r="F165" s="8">
        <v>0.28000000000000003</v>
      </c>
      <c r="G165" s="9">
        <v>1.0715000000000001</v>
      </c>
      <c r="H165" s="45">
        <v>0.79149999999999998</v>
      </c>
      <c r="I165" s="46">
        <v>0.28000000000000003</v>
      </c>
      <c r="J165" s="9">
        <v>0</v>
      </c>
      <c r="K165" s="45">
        <v>0</v>
      </c>
      <c r="L165" s="46">
        <v>0</v>
      </c>
      <c r="M165" s="9">
        <v>0.38880999999999999</v>
      </c>
      <c r="N165" s="45">
        <v>0.38880999999999999</v>
      </c>
      <c r="O165" s="46">
        <v>0</v>
      </c>
      <c r="P165" s="9">
        <v>0</v>
      </c>
      <c r="Q165" s="45">
        <v>0</v>
      </c>
      <c r="R165" s="46">
        <v>0</v>
      </c>
      <c r="S165" s="9">
        <v>0</v>
      </c>
      <c r="T165" s="45">
        <v>0</v>
      </c>
      <c r="U165" s="46">
        <v>0</v>
      </c>
      <c r="V165" s="9">
        <v>0</v>
      </c>
      <c r="W165" s="45">
        <v>0</v>
      </c>
      <c r="X165" s="46">
        <v>0</v>
      </c>
      <c r="Y165" s="9">
        <v>0</v>
      </c>
      <c r="Z165" s="45">
        <v>0</v>
      </c>
      <c r="AA165" s="46">
        <v>0</v>
      </c>
    </row>
    <row r="166" spans="1:27" s="12" customFormat="1" ht="11.25" x14ac:dyDescent="0.25">
      <c r="A166" s="150">
        <v>46</v>
      </c>
      <c r="B166" s="153" t="s">
        <v>90</v>
      </c>
      <c r="C166" s="37" t="s">
        <v>44</v>
      </c>
      <c r="D166" s="38">
        <v>2090.3147471111101</v>
      </c>
      <c r="E166" s="7">
        <v>1179.3722699999996</v>
      </c>
      <c r="F166" s="8">
        <v>910.94247711111063</v>
      </c>
      <c r="G166" s="9">
        <v>1233.9048011111108</v>
      </c>
      <c r="H166" s="39">
        <v>785.26251222222209</v>
      </c>
      <c r="I166" s="40">
        <v>448.64228888888886</v>
      </c>
      <c r="J166" s="9">
        <v>31.128900000000002</v>
      </c>
      <c r="K166" s="39">
        <v>17.288900000000002</v>
      </c>
      <c r="L166" s="40">
        <v>13.840000000000002</v>
      </c>
      <c r="M166" s="9">
        <v>557.57602155555526</v>
      </c>
      <c r="N166" s="39">
        <v>263.30166666666668</v>
      </c>
      <c r="O166" s="40">
        <v>294.27435488888858</v>
      </c>
      <c r="P166" s="9">
        <v>113.5582</v>
      </c>
      <c r="Q166" s="39">
        <v>76.539966666666658</v>
      </c>
      <c r="R166" s="40">
        <v>37.018233333333335</v>
      </c>
      <c r="S166" s="9">
        <v>100.25574444444445</v>
      </c>
      <c r="T166" s="39">
        <v>22.761444444444443</v>
      </c>
      <c r="U166" s="40">
        <v>77.49430000000001</v>
      </c>
      <c r="V166" s="9">
        <v>14.386599999999998</v>
      </c>
      <c r="W166" s="39">
        <v>5.94</v>
      </c>
      <c r="X166" s="40">
        <v>8.4465999999999983</v>
      </c>
      <c r="Y166" s="9">
        <v>39.504480000000008</v>
      </c>
      <c r="Z166" s="39">
        <v>8.2777799999999999</v>
      </c>
      <c r="AA166" s="40">
        <v>31.226700000000008</v>
      </c>
    </row>
    <row r="167" spans="1:27" s="12" customFormat="1" ht="11.25" x14ac:dyDescent="0.25">
      <c r="A167" s="151"/>
      <c r="B167" s="154"/>
      <c r="C167" s="13" t="s">
        <v>63</v>
      </c>
      <c r="D167" s="18">
        <v>142.97589999999997</v>
      </c>
      <c r="E167" s="7">
        <v>72.903199999999998</v>
      </c>
      <c r="F167" s="8">
        <v>70.072699999999983</v>
      </c>
      <c r="G167" s="9">
        <v>83.510799999999989</v>
      </c>
      <c r="H167" s="16">
        <v>50.135699999999993</v>
      </c>
      <c r="I167" s="17">
        <v>33.375099999999996</v>
      </c>
      <c r="J167" s="9">
        <v>3.19</v>
      </c>
      <c r="K167" s="16">
        <v>1.1399999999999999</v>
      </c>
      <c r="L167" s="17">
        <v>2.0499999999999998</v>
      </c>
      <c r="M167" s="9">
        <v>41.546599999999998</v>
      </c>
      <c r="N167" s="16">
        <v>16.0289</v>
      </c>
      <c r="O167" s="17">
        <v>25.517700000000001</v>
      </c>
      <c r="P167" s="9">
        <v>6.1322000000000001</v>
      </c>
      <c r="Q167" s="16">
        <v>3.5300000000000007</v>
      </c>
      <c r="R167" s="17">
        <v>2.6021999999999998</v>
      </c>
      <c r="S167" s="9">
        <v>6.1463000000000001</v>
      </c>
      <c r="T167" s="16">
        <v>1.2886000000000002</v>
      </c>
      <c r="U167" s="17">
        <v>4.8577000000000004</v>
      </c>
      <c r="V167" s="9">
        <v>0</v>
      </c>
      <c r="W167" s="16">
        <v>0</v>
      </c>
      <c r="X167" s="17">
        <v>0</v>
      </c>
      <c r="Y167" s="9">
        <v>2.4500000000000002</v>
      </c>
      <c r="Z167" s="16">
        <v>0.78</v>
      </c>
      <c r="AA167" s="17">
        <v>1.6700000000000002</v>
      </c>
    </row>
    <row r="168" spans="1:27" s="12" customFormat="1" ht="11.25" x14ac:dyDescent="0.25">
      <c r="A168" s="151"/>
      <c r="B168" s="154"/>
      <c r="C168" s="13" t="s">
        <v>64</v>
      </c>
      <c r="D168" s="18">
        <v>12.542199999999999</v>
      </c>
      <c r="E168" s="7">
        <v>12.542199999999999</v>
      </c>
      <c r="F168" s="8">
        <v>0</v>
      </c>
      <c r="G168" s="9">
        <v>7.75</v>
      </c>
      <c r="H168" s="16">
        <v>7.75</v>
      </c>
      <c r="I168" s="17">
        <v>0</v>
      </c>
      <c r="J168" s="9">
        <v>0</v>
      </c>
      <c r="K168" s="16">
        <v>0</v>
      </c>
      <c r="L168" s="17">
        <v>0</v>
      </c>
      <c r="M168" s="9">
        <v>2.5522</v>
      </c>
      <c r="N168" s="16">
        <v>2.5522</v>
      </c>
      <c r="O168" s="17">
        <v>0</v>
      </c>
      <c r="P168" s="9">
        <v>0.66</v>
      </c>
      <c r="Q168" s="16">
        <v>0.66</v>
      </c>
      <c r="R168" s="17">
        <v>0</v>
      </c>
      <c r="S168" s="9">
        <v>0.22</v>
      </c>
      <c r="T168" s="16">
        <v>0.22</v>
      </c>
      <c r="U168" s="17">
        <v>0</v>
      </c>
      <c r="V168" s="9">
        <v>0</v>
      </c>
      <c r="W168" s="16">
        <v>0</v>
      </c>
      <c r="X168" s="17">
        <v>0</v>
      </c>
      <c r="Y168" s="9">
        <v>1.36</v>
      </c>
      <c r="Z168" s="16">
        <v>1.36</v>
      </c>
      <c r="AA168" s="17">
        <v>0</v>
      </c>
    </row>
    <row r="169" spans="1:27" s="12" customFormat="1" ht="12" thickBot="1" x14ac:dyDescent="0.3">
      <c r="A169" s="152"/>
      <c r="B169" s="155"/>
      <c r="C169" s="43" t="s">
        <v>65</v>
      </c>
      <c r="D169" s="44">
        <v>2.13</v>
      </c>
      <c r="E169" s="7">
        <v>1.1800000000000002</v>
      </c>
      <c r="F169" s="8">
        <v>0.95</v>
      </c>
      <c r="G169" s="9">
        <v>0.8600000000000001</v>
      </c>
      <c r="H169" s="45">
        <v>0.44</v>
      </c>
      <c r="I169" s="46">
        <v>0.42000000000000004</v>
      </c>
      <c r="J169" s="9">
        <v>0</v>
      </c>
      <c r="K169" s="45">
        <v>0</v>
      </c>
      <c r="L169" s="46">
        <v>0</v>
      </c>
      <c r="M169" s="9">
        <v>0.61</v>
      </c>
      <c r="N169" s="45">
        <v>0.3</v>
      </c>
      <c r="O169" s="46">
        <v>0.31</v>
      </c>
      <c r="P169" s="9">
        <v>0.33</v>
      </c>
      <c r="Q169" s="45">
        <v>0.33</v>
      </c>
      <c r="R169" s="46">
        <v>0</v>
      </c>
      <c r="S169" s="9">
        <v>0.22</v>
      </c>
      <c r="T169" s="45">
        <v>0.11</v>
      </c>
      <c r="U169" s="46">
        <v>0.11</v>
      </c>
      <c r="V169" s="9">
        <v>0</v>
      </c>
      <c r="W169" s="45">
        <v>0</v>
      </c>
      <c r="X169" s="46">
        <v>0</v>
      </c>
      <c r="Y169" s="9">
        <v>0.11</v>
      </c>
      <c r="Z169" s="45">
        <v>0</v>
      </c>
      <c r="AA169" s="46">
        <v>0.11</v>
      </c>
    </row>
    <row r="170" spans="1:27" s="12" customFormat="1" ht="11.25" x14ac:dyDescent="0.25">
      <c r="A170" s="150">
        <v>47</v>
      </c>
      <c r="B170" s="153" t="s">
        <v>91</v>
      </c>
      <c r="C170" s="37" t="s">
        <v>44</v>
      </c>
      <c r="D170" s="38">
        <v>3304.500066666667</v>
      </c>
      <c r="E170" s="7">
        <v>3301.508955555556</v>
      </c>
      <c r="F170" s="8">
        <v>2.9911111111111111</v>
      </c>
      <c r="G170" s="9">
        <v>2215.5015000000003</v>
      </c>
      <c r="H170" s="39">
        <v>2213.4503888888889</v>
      </c>
      <c r="I170" s="40">
        <v>2.0511111111111111</v>
      </c>
      <c r="J170" s="9">
        <v>62.15</v>
      </c>
      <c r="K170" s="39">
        <v>61.82</v>
      </c>
      <c r="L170" s="40">
        <v>0.33</v>
      </c>
      <c r="M170" s="9">
        <v>484.41787777777773</v>
      </c>
      <c r="N170" s="39">
        <v>484.08787777777775</v>
      </c>
      <c r="O170" s="40">
        <v>0.33</v>
      </c>
      <c r="P170" s="9">
        <v>473.1686111111112</v>
      </c>
      <c r="Q170" s="39">
        <v>473.05861111111119</v>
      </c>
      <c r="R170" s="40">
        <v>0.11</v>
      </c>
      <c r="S170" s="9">
        <v>27.137777777777782</v>
      </c>
      <c r="T170" s="39">
        <v>26.96777777777778</v>
      </c>
      <c r="U170" s="40">
        <v>0.17</v>
      </c>
      <c r="V170" s="9">
        <v>16.973399999999998</v>
      </c>
      <c r="W170" s="39">
        <v>16.973399999999998</v>
      </c>
      <c r="X170" s="40">
        <v>0</v>
      </c>
      <c r="Y170" s="9">
        <v>25.1509</v>
      </c>
      <c r="Z170" s="39">
        <v>25.1509</v>
      </c>
      <c r="AA170" s="40">
        <v>0</v>
      </c>
    </row>
    <row r="171" spans="1:27" s="12" customFormat="1" ht="11.25" x14ac:dyDescent="0.25">
      <c r="A171" s="151"/>
      <c r="B171" s="154"/>
      <c r="C171" s="13" t="s">
        <v>63</v>
      </c>
      <c r="D171" s="18">
        <v>332.28549999999996</v>
      </c>
      <c r="E171" s="7">
        <v>332.23549999999994</v>
      </c>
      <c r="F171" s="8">
        <v>0.05</v>
      </c>
      <c r="G171" s="9">
        <v>239.44450000000001</v>
      </c>
      <c r="H171" s="16">
        <v>239.39449999999999</v>
      </c>
      <c r="I171" s="17">
        <v>0.05</v>
      </c>
      <c r="J171" s="9">
        <v>0</v>
      </c>
      <c r="K171" s="16">
        <v>0</v>
      </c>
      <c r="L171" s="17">
        <v>0</v>
      </c>
      <c r="M171" s="9">
        <v>54.377800000000001</v>
      </c>
      <c r="N171" s="16">
        <v>54.377800000000001</v>
      </c>
      <c r="O171" s="17">
        <v>0</v>
      </c>
      <c r="P171" s="9">
        <v>29.1922</v>
      </c>
      <c r="Q171" s="16">
        <v>29.1922</v>
      </c>
      <c r="R171" s="17">
        <v>0</v>
      </c>
      <c r="S171" s="9">
        <v>2.06</v>
      </c>
      <c r="T171" s="16">
        <v>2.06</v>
      </c>
      <c r="U171" s="17">
        <v>0</v>
      </c>
      <c r="V171" s="9">
        <v>4.4909999999999997</v>
      </c>
      <c r="W171" s="16">
        <v>4.4909999999999997</v>
      </c>
      <c r="X171" s="17">
        <v>0</v>
      </c>
      <c r="Y171" s="9">
        <v>2.72</v>
      </c>
      <c r="Z171" s="16">
        <v>2.72</v>
      </c>
      <c r="AA171" s="17">
        <v>0</v>
      </c>
    </row>
    <row r="172" spans="1:27" s="12" customFormat="1" ht="11.25" x14ac:dyDescent="0.25">
      <c r="A172" s="151"/>
      <c r="B172" s="154"/>
      <c r="C172" s="13" t="s">
        <v>64</v>
      </c>
      <c r="D172" s="18">
        <v>0</v>
      </c>
      <c r="E172" s="7">
        <v>0</v>
      </c>
      <c r="F172" s="8">
        <v>0</v>
      </c>
      <c r="G172" s="9">
        <v>0</v>
      </c>
      <c r="H172" s="16">
        <v>0</v>
      </c>
      <c r="I172" s="17">
        <v>0</v>
      </c>
      <c r="J172" s="9">
        <v>0</v>
      </c>
      <c r="K172" s="16">
        <v>0</v>
      </c>
      <c r="L172" s="17">
        <v>0</v>
      </c>
      <c r="M172" s="9">
        <v>0</v>
      </c>
      <c r="N172" s="16">
        <v>0</v>
      </c>
      <c r="O172" s="17">
        <v>0</v>
      </c>
      <c r="P172" s="9">
        <v>0</v>
      </c>
      <c r="Q172" s="16">
        <v>0</v>
      </c>
      <c r="R172" s="17">
        <v>0</v>
      </c>
      <c r="S172" s="9">
        <v>0</v>
      </c>
      <c r="T172" s="16">
        <v>0</v>
      </c>
      <c r="U172" s="17">
        <v>0</v>
      </c>
      <c r="V172" s="9">
        <v>0</v>
      </c>
      <c r="W172" s="16">
        <v>0</v>
      </c>
      <c r="X172" s="17">
        <v>0</v>
      </c>
      <c r="Y172" s="9">
        <v>0</v>
      </c>
      <c r="Z172" s="16">
        <v>0</v>
      </c>
      <c r="AA172" s="17">
        <v>0</v>
      </c>
    </row>
    <row r="173" spans="1:27" s="12" customFormat="1" ht="12" thickBot="1" x14ac:dyDescent="0.3">
      <c r="A173" s="152"/>
      <c r="B173" s="155"/>
      <c r="C173" s="43" t="s">
        <v>65</v>
      </c>
      <c r="D173" s="44">
        <v>0.05</v>
      </c>
      <c r="E173" s="7">
        <v>0</v>
      </c>
      <c r="F173" s="8">
        <v>0.05</v>
      </c>
      <c r="G173" s="9">
        <v>0.05</v>
      </c>
      <c r="H173" s="45">
        <v>0</v>
      </c>
      <c r="I173" s="46">
        <v>0.05</v>
      </c>
      <c r="J173" s="9">
        <v>0</v>
      </c>
      <c r="K173" s="45">
        <v>0</v>
      </c>
      <c r="L173" s="46">
        <v>0</v>
      </c>
      <c r="M173" s="9">
        <v>0</v>
      </c>
      <c r="N173" s="45">
        <v>0</v>
      </c>
      <c r="O173" s="46">
        <v>0</v>
      </c>
      <c r="P173" s="9">
        <v>0</v>
      </c>
      <c r="Q173" s="45">
        <v>0</v>
      </c>
      <c r="R173" s="46">
        <v>0</v>
      </c>
      <c r="S173" s="9">
        <v>0</v>
      </c>
      <c r="T173" s="45">
        <v>0</v>
      </c>
      <c r="U173" s="46">
        <v>0</v>
      </c>
      <c r="V173" s="9">
        <v>0</v>
      </c>
      <c r="W173" s="45">
        <v>0</v>
      </c>
      <c r="X173" s="46">
        <v>0</v>
      </c>
      <c r="Y173" s="9">
        <v>0</v>
      </c>
      <c r="Z173" s="45">
        <v>0</v>
      </c>
      <c r="AA173" s="46">
        <v>0</v>
      </c>
    </row>
    <row r="174" spans="1:27" s="12" customFormat="1" ht="11.25" x14ac:dyDescent="0.25">
      <c r="A174" s="150">
        <v>48</v>
      </c>
      <c r="B174" s="153" t="s">
        <v>92</v>
      </c>
      <c r="C174" s="37" t="s">
        <v>44</v>
      </c>
      <c r="D174" s="38">
        <v>54.608766666666661</v>
      </c>
      <c r="E174" s="7">
        <v>53.428766666666661</v>
      </c>
      <c r="F174" s="8">
        <v>1.1800000000000002</v>
      </c>
      <c r="G174" s="9">
        <v>31.575499999999995</v>
      </c>
      <c r="H174" s="39">
        <v>30.505499999999998</v>
      </c>
      <c r="I174" s="40">
        <v>1.07</v>
      </c>
      <c r="J174" s="9">
        <v>1.2</v>
      </c>
      <c r="K174" s="39">
        <v>1.2</v>
      </c>
      <c r="L174" s="40">
        <v>0</v>
      </c>
      <c r="M174" s="9">
        <v>15.7844</v>
      </c>
      <c r="N174" s="39">
        <v>15.7844</v>
      </c>
      <c r="O174" s="40">
        <v>0</v>
      </c>
      <c r="P174" s="9">
        <v>6.0488666666666671</v>
      </c>
      <c r="Q174" s="39">
        <v>5.9388666666666667</v>
      </c>
      <c r="R174" s="40">
        <v>0.11</v>
      </c>
      <c r="S174" s="9">
        <v>0</v>
      </c>
      <c r="T174" s="39">
        <v>0</v>
      </c>
      <c r="U174" s="40">
        <v>0</v>
      </c>
      <c r="V174" s="9">
        <v>0</v>
      </c>
      <c r="W174" s="39">
        <v>0</v>
      </c>
      <c r="X174" s="40">
        <v>0</v>
      </c>
      <c r="Y174" s="9">
        <v>0</v>
      </c>
      <c r="Z174" s="39">
        <v>0</v>
      </c>
      <c r="AA174" s="40">
        <v>0</v>
      </c>
    </row>
    <row r="175" spans="1:27" s="12" customFormat="1" ht="11.25" x14ac:dyDescent="0.25">
      <c r="A175" s="151"/>
      <c r="B175" s="154"/>
      <c r="C175" s="13" t="s">
        <v>63</v>
      </c>
      <c r="D175" s="18">
        <v>4.7699999999999996</v>
      </c>
      <c r="E175" s="7">
        <v>4.7699999999999996</v>
      </c>
      <c r="F175" s="8">
        <v>0</v>
      </c>
      <c r="G175" s="9">
        <v>3.32</v>
      </c>
      <c r="H175" s="16">
        <v>3.32</v>
      </c>
      <c r="I175" s="17">
        <v>0</v>
      </c>
      <c r="J175" s="9">
        <v>0</v>
      </c>
      <c r="K175" s="16">
        <v>0</v>
      </c>
      <c r="L175" s="17">
        <v>0</v>
      </c>
      <c r="M175" s="9">
        <v>1.45</v>
      </c>
      <c r="N175" s="16">
        <v>1.45</v>
      </c>
      <c r="O175" s="17">
        <v>0</v>
      </c>
      <c r="P175" s="9">
        <v>0</v>
      </c>
      <c r="Q175" s="16">
        <v>0</v>
      </c>
      <c r="R175" s="17">
        <v>0</v>
      </c>
      <c r="S175" s="9">
        <v>0</v>
      </c>
      <c r="T175" s="16">
        <v>0</v>
      </c>
      <c r="U175" s="17">
        <v>0</v>
      </c>
      <c r="V175" s="9">
        <v>0</v>
      </c>
      <c r="W175" s="16">
        <v>0</v>
      </c>
      <c r="X175" s="17">
        <v>0</v>
      </c>
      <c r="Y175" s="9">
        <v>0</v>
      </c>
      <c r="Z175" s="16">
        <v>0</v>
      </c>
      <c r="AA175" s="17">
        <v>0</v>
      </c>
    </row>
    <row r="176" spans="1:27" s="12" customFormat="1" ht="11.25" x14ac:dyDescent="0.25">
      <c r="A176" s="151"/>
      <c r="B176" s="154"/>
      <c r="C176" s="13" t="s">
        <v>64</v>
      </c>
      <c r="D176" s="18">
        <v>0</v>
      </c>
      <c r="E176" s="7">
        <v>0</v>
      </c>
      <c r="F176" s="8">
        <v>0</v>
      </c>
      <c r="G176" s="9">
        <v>0</v>
      </c>
      <c r="H176" s="16">
        <v>0</v>
      </c>
      <c r="I176" s="17">
        <v>0</v>
      </c>
      <c r="J176" s="9">
        <v>0</v>
      </c>
      <c r="K176" s="16">
        <v>0</v>
      </c>
      <c r="L176" s="17">
        <v>0</v>
      </c>
      <c r="M176" s="9">
        <v>0</v>
      </c>
      <c r="N176" s="16">
        <v>0</v>
      </c>
      <c r="O176" s="17">
        <v>0</v>
      </c>
      <c r="P176" s="9">
        <v>0</v>
      </c>
      <c r="Q176" s="16">
        <v>0</v>
      </c>
      <c r="R176" s="17">
        <v>0</v>
      </c>
      <c r="S176" s="9">
        <v>0</v>
      </c>
      <c r="T176" s="16">
        <v>0</v>
      </c>
      <c r="U176" s="17">
        <v>0</v>
      </c>
      <c r="V176" s="9">
        <v>0</v>
      </c>
      <c r="W176" s="16">
        <v>0</v>
      </c>
      <c r="X176" s="17">
        <v>0</v>
      </c>
      <c r="Y176" s="9">
        <v>0</v>
      </c>
      <c r="Z176" s="16">
        <v>0</v>
      </c>
      <c r="AA176" s="17">
        <v>0</v>
      </c>
    </row>
    <row r="177" spans="1:27" s="12" customFormat="1" ht="12" thickBot="1" x14ac:dyDescent="0.3">
      <c r="A177" s="152"/>
      <c r="B177" s="155"/>
      <c r="C177" s="43" t="s">
        <v>65</v>
      </c>
      <c r="D177" s="44">
        <v>0</v>
      </c>
      <c r="E177" s="7">
        <v>0</v>
      </c>
      <c r="F177" s="8">
        <v>0</v>
      </c>
      <c r="G177" s="9">
        <v>0</v>
      </c>
      <c r="H177" s="45">
        <v>0</v>
      </c>
      <c r="I177" s="46">
        <v>0</v>
      </c>
      <c r="J177" s="9">
        <v>0</v>
      </c>
      <c r="K177" s="45">
        <v>0</v>
      </c>
      <c r="L177" s="46">
        <v>0</v>
      </c>
      <c r="M177" s="9">
        <v>0</v>
      </c>
      <c r="N177" s="45">
        <v>0</v>
      </c>
      <c r="O177" s="46">
        <v>0</v>
      </c>
      <c r="P177" s="9">
        <v>0</v>
      </c>
      <c r="Q177" s="45">
        <v>0</v>
      </c>
      <c r="R177" s="46">
        <v>0</v>
      </c>
      <c r="S177" s="9">
        <v>0</v>
      </c>
      <c r="T177" s="45">
        <v>0</v>
      </c>
      <c r="U177" s="46">
        <v>0</v>
      </c>
      <c r="V177" s="9">
        <v>0</v>
      </c>
      <c r="W177" s="45">
        <v>0</v>
      </c>
      <c r="X177" s="46">
        <v>0</v>
      </c>
      <c r="Y177" s="9">
        <v>0</v>
      </c>
      <c r="Z177" s="45">
        <v>0</v>
      </c>
      <c r="AA177" s="46">
        <v>0</v>
      </c>
    </row>
    <row r="178" spans="1:27" s="12" customFormat="1" ht="11.25" x14ac:dyDescent="0.25">
      <c r="A178" s="150">
        <v>49</v>
      </c>
      <c r="B178" s="153" t="s">
        <v>93</v>
      </c>
      <c r="C178" s="37" t="s">
        <v>44</v>
      </c>
      <c r="D178" s="38">
        <v>93.169999999999987</v>
      </c>
      <c r="E178" s="7">
        <v>93.169999999999987</v>
      </c>
      <c r="F178" s="8">
        <v>0</v>
      </c>
      <c r="G178" s="9">
        <v>36.849999999999994</v>
      </c>
      <c r="H178" s="39">
        <v>36.849999999999994</v>
      </c>
      <c r="I178" s="40">
        <v>0</v>
      </c>
      <c r="J178" s="9">
        <v>6.83</v>
      </c>
      <c r="K178" s="39">
        <v>6.83</v>
      </c>
      <c r="L178" s="40">
        <v>0</v>
      </c>
      <c r="M178" s="9">
        <v>27.849999999999998</v>
      </c>
      <c r="N178" s="39">
        <v>27.849999999999998</v>
      </c>
      <c r="O178" s="40">
        <v>0</v>
      </c>
      <c r="P178" s="9">
        <v>15.75</v>
      </c>
      <c r="Q178" s="39">
        <v>15.75</v>
      </c>
      <c r="R178" s="40">
        <v>0</v>
      </c>
      <c r="S178" s="9">
        <v>0</v>
      </c>
      <c r="T178" s="39">
        <v>0</v>
      </c>
      <c r="U178" s="40">
        <v>0</v>
      </c>
      <c r="V178" s="9">
        <v>0</v>
      </c>
      <c r="W178" s="39">
        <v>0</v>
      </c>
      <c r="X178" s="40">
        <v>0</v>
      </c>
      <c r="Y178" s="9">
        <v>5.89</v>
      </c>
      <c r="Z178" s="39">
        <v>5.89</v>
      </c>
      <c r="AA178" s="40">
        <v>0</v>
      </c>
    </row>
    <row r="179" spans="1:27" s="12" customFormat="1" ht="11.25" x14ac:dyDescent="0.25">
      <c r="A179" s="151"/>
      <c r="B179" s="154"/>
      <c r="C179" s="13" t="s">
        <v>63</v>
      </c>
      <c r="D179" s="18">
        <v>0.5</v>
      </c>
      <c r="E179" s="7">
        <v>0.28000000000000003</v>
      </c>
      <c r="F179" s="8">
        <v>0.22</v>
      </c>
      <c r="G179" s="9">
        <v>0</v>
      </c>
      <c r="H179" s="16">
        <v>0</v>
      </c>
      <c r="I179" s="17">
        <v>0</v>
      </c>
      <c r="J179" s="9">
        <v>0</v>
      </c>
      <c r="K179" s="16">
        <v>0</v>
      </c>
      <c r="L179" s="17">
        <v>0</v>
      </c>
      <c r="M179" s="9">
        <v>0</v>
      </c>
      <c r="N179" s="16">
        <v>0</v>
      </c>
      <c r="O179" s="17">
        <v>0</v>
      </c>
      <c r="P179" s="9">
        <v>0</v>
      </c>
      <c r="Q179" s="16">
        <v>0</v>
      </c>
      <c r="R179" s="17">
        <v>0</v>
      </c>
      <c r="S179" s="9">
        <v>0.22</v>
      </c>
      <c r="T179" s="16">
        <v>0</v>
      </c>
      <c r="U179" s="17">
        <v>0.22</v>
      </c>
      <c r="V179" s="9">
        <v>0</v>
      </c>
      <c r="W179" s="16">
        <v>0</v>
      </c>
      <c r="X179" s="17">
        <v>0</v>
      </c>
      <c r="Y179" s="9">
        <v>0.28000000000000003</v>
      </c>
      <c r="Z179" s="16">
        <v>0.28000000000000003</v>
      </c>
      <c r="AA179" s="17">
        <v>0</v>
      </c>
    </row>
    <row r="180" spans="1:27" s="12" customFormat="1" ht="11.25" x14ac:dyDescent="0.25">
      <c r="A180" s="151"/>
      <c r="B180" s="154"/>
      <c r="C180" s="13" t="s">
        <v>64</v>
      </c>
      <c r="D180" s="18">
        <v>3.48</v>
      </c>
      <c r="E180" s="7">
        <v>3.48</v>
      </c>
      <c r="F180" s="8">
        <v>0</v>
      </c>
      <c r="G180" s="9">
        <v>2.94</v>
      </c>
      <c r="H180" s="16">
        <v>2.94</v>
      </c>
      <c r="I180" s="17">
        <v>0</v>
      </c>
      <c r="J180" s="9">
        <v>0</v>
      </c>
      <c r="K180" s="16">
        <v>0</v>
      </c>
      <c r="L180" s="17">
        <v>0</v>
      </c>
      <c r="M180" s="9">
        <v>0.54</v>
      </c>
      <c r="N180" s="16">
        <v>0.54</v>
      </c>
      <c r="O180" s="17">
        <v>0</v>
      </c>
      <c r="P180" s="9">
        <v>0</v>
      </c>
      <c r="Q180" s="16">
        <v>0</v>
      </c>
      <c r="R180" s="17">
        <v>0</v>
      </c>
      <c r="S180" s="9">
        <v>0</v>
      </c>
      <c r="T180" s="16">
        <v>0</v>
      </c>
      <c r="U180" s="17">
        <v>0</v>
      </c>
      <c r="V180" s="9">
        <v>0</v>
      </c>
      <c r="W180" s="16">
        <v>0</v>
      </c>
      <c r="X180" s="17">
        <v>0</v>
      </c>
      <c r="Y180" s="9">
        <v>0</v>
      </c>
      <c r="Z180" s="16">
        <v>0</v>
      </c>
      <c r="AA180" s="17">
        <v>0</v>
      </c>
    </row>
    <row r="181" spans="1:27" s="12" customFormat="1" ht="12" thickBot="1" x14ac:dyDescent="0.3">
      <c r="A181" s="152"/>
      <c r="B181" s="155"/>
      <c r="C181" s="43" t="s">
        <v>65</v>
      </c>
      <c r="D181" s="44">
        <v>1.6600000000000001</v>
      </c>
      <c r="E181" s="7">
        <v>0</v>
      </c>
      <c r="F181" s="8">
        <v>1.6600000000000001</v>
      </c>
      <c r="G181" s="9">
        <v>0.66</v>
      </c>
      <c r="H181" s="45">
        <v>0</v>
      </c>
      <c r="I181" s="46">
        <v>0.66</v>
      </c>
      <c r="J181" s="9">
        <v>0</v>
      </c>
      <c r="K181" s="45">
        <v>0</v>
      </c>
      <c r="L181" s="46">
        <v>0</v>
      </c>
      <c r="M181" s="9">
        <v>1</v>
      </c>
      <c r="N181" s="45">
        <v>0</v>
      </c>
      <c r="O181" s="46">
        <v>1</v>
      </c>
      <c r="P181" s="9">
        <v>0</v>
      </c>
      <c r="Q181" s="45">
        <v>0</v>
      </c>
      <c r="R181" s="46">
        <v>0</v>
      </c>
      <c r="S181" s="9">
        <v>0</v>
      </c>
      <c r="T181" s="45">
        <v>0</v>
      </c>
      <c r="U181" s="46">
        <v>0</v>
      </c>
      <c r="V181" s="9">
        <v>0</v>
      </c>
      <c r="W181" s="45">
        <v>0</v>
      </c>
      <c r="X181" s="46">
        <v>0</v>
      </c>
      <c r="Y181" s="9">
        <v>0</v>
      </c>
      <c r="Z181" s="45">
        <v>0</v>
      </c>
      <c r="AA181" s="46">
        <v>0</v>
      </c>
    </row>
    <row r="182" spans="1:27" s="12" customFormat="1" ht="11.25" x14ac:dyDescent="0.25">
      <c r="A182" s="150">
        <v>50</v>
      </c>
      <c r="B182" s="153" t="s">
        <v>94</v>
      </c>
      <c r="C182" s="37" t="s">
        <v>44</v>
      </c>
      <c r="D182" s="38">
        <v>10044.177632916668</v>
      </c>
      <c r="E182" s="7">
        <v>5946.684327361113</v>
      </c>
      <c r="F182" s="8">
        <v>4097.4933055555539</v>
      </c>
      <c r="G182" s="9">
        <v>7751.522948472224</v>
      </c>
      <c r="H182" s="39">
        <v>4889.5464651388902</v>
      </c>
      <c r="I182" s="40">
        <v>2861.9764833333338</v>
      </c>
      <c r="J182" s="9">
        <v>157.08435555555556</v>
      </c>
      <c r="K182" s="39">
        <v>64.983300000000014</v>
      </c>
      <c r="L182" s="40">
        <v>92.101055555555547</v>
      </c>
      <c r="M182" s="9">
        <v>1848.3086722222204</v>
      </c>
      <c r="N182" s="39">
        <v>856.37403888888912</v>
      </c>
      <c r="O182" s="40">
        <v>991.93463333333113</v>
      </c>
      <c r="P182" s="9">
        <v>157.84271222222222</v>
      </c>
      <c r="Q182" s="39">
        <v>100.93052333333333</v>
      </c>
      <c r="R182" s="40">
        <v>56.912188888888892</v>
      </c>
      <c r="S182" s="9">
        <v>73.748944444444447</v>
      </c>
      <c r="T182" s="39">
        <v>20.740000000000002</v>
      </c>
      <c r="U182" s="40">
        <v>53.008944444444438</v>
      </c>
      <c r="V182" s="9">
        <v>36.33</v>
      </c>
      <c r="W182" s="39">
        <v>8.620000000000001</v>
      </c>
      <c r="X182" s="40">
        <v>27.71</v>
      </c>
      <c r="Y182" s="9">
        <v>19.34</v>
      </c>
      <c r="Z182" s="39">
        <v>5.49</v>
      </c>
      <c r="AA182" s="40">
        <v>13.85</v>
      </c>
    </row>
    <row r="183" spans="1:27" s="12" customFormat="1" ht="11.25" x14ac:dyDescent="0.25">
      <c r="A183" s="151"/>
      <c r="B183" s="154"/>
      <c r="C183" s="13" t="s">
        <v>63</v>
      </c>
      <c r="D183" s="18">
        <v>623.17360000000019</v>
      </c>
      <c r="E183" s="7">
        <v>319.3544</v>
      </c>
      <c r="F183" s="8">
        <v>303.81920000000019</v>
      </c>
      <c r="G183" s="9">
        <v>469.44740000000007</v>
      </c>
      <c r="H183" s="16">
        <v>255.71090000000004</v>
      </c>
      <c r="I183" s="17">
        <v>213.73650000000001</v>
      </c>
      <c r="J183" s="9">
        <v>13.4011</v>
      </c>
      <c r="K183" s="16">
        <v>2.7911000000000001</v>
      </c>
      <c r="L183" s="17">
        <v>10.61</v>
      </c>
      <c r="M183" s="9">
        <v>124.1369</v>
      </c>
      <c r="N183" s="16">
        <v>52.696400000000004</v>
      </c>
      <c r="O183" s="17">
        <v>71.440499999999986</v>
      </c>
      <c r="P183" s="9">
        <v>7.1182000000000007</v>
      </c>
      <c r="Q183" s="16">
        <v>4.3460000000000001</v>
      </c>
      <c r="R183" s="17">
        <v>2.7722000000000002</v>
      </c>
      <c r="S183" s="9">
        <v>6.18</v>
      </c>
      <c r="T183" s="16">
        <v>2.75</v>
      </c>
      <c r="U183" s="17">
        <v>3.4299999999999997</v>
      </c>
      <c r="V183" s="9">
        <v>2.7800000000000002</v>
      </c>
      <c r="W183" s="16">
        <v>1.06</v>
      </c>
      <c r="X183" s="17">
        <v>1.72</v>
      </c>
      <c r="Y183" s="9">
        <v>0.11</v>
      </c>
      <c r="Z183" s="16">
        <v>0</v>
      </c>
      <c r="AA183" s="17">
        <v>0.11</v>
      </c>
    </row>
    <row r="184" spans="1:27" s="12" customFormat="1" ht="11.25" x14ac:dyDescent="0.25">
      <c r="A184" s="151"/>
      <c r="B184" s="154"/>
      <c r="C184" s="13" t="s">
        <v>64</v>
      </c>
      <c r="D184" s="18">
        <v>48.625499999999995</v>
      </c>
      <c r="E184" s="7">
        <v>48.625499999999995</v>
      </c>
      <c r="F184" s="8">
        <v>0</v>
      </c>
      <c r="G184" s="9">
        <v>40.244399999999999</v>
      </c>
      <c r="H184" s="16">
        <v>40.244399999999999</v>
      </c>
      <c r="I184" s="17">
        <v>0</v>
      </c>
      <c r="J184" s="9">
        <v>1</v>
      </c>
      <c r="K184" s="16">
        <v>1</v>
      </c>
      <c r="L184" s="17">
        <v>0</v>
      </c>
      <c r="M184" s="9">
        <v>4.3811</v>
      </c>
      <c r="N184" s="16">
        <v>4.3811</v>
      </c>
      <c r="O184" s="17">
        <v>0</v>
      </c>
      <c r="P184" s="9">
        <v>1.67</v>
      </c>
      <c r="Q184" s="16">
        <v>1.67</v>
      </c>
      <c r="R184" s="17">
        <v>0</v>
      </c>
      <c r="S184" s="9">
        <v>0</v>
      </c>
      <c r="T184" s="16">
        <v>0</v>
      </c>
      <c r="U184" s="17">
        <v>0</v>
      </c>
      <c r="V184" s="9">
        <v>1.33</v>
      </c>
      <c r="W184" s="16">
        <v>1.33</v>
      </c>
      <c r="X184" s="17">
        <v>0</v>
      </c>
      <c r="Y184" s="9">
        <v>0</v>
      </c>
      <c r="Z184" s="16">
        <v>0</v>
      </c>
      <c r="AA184" s="17">
        <v>0</v>
      </c>
    </row>
    <row r="185" spans="1:27" s="12" customFormat="1" ht="12" thickBot="1" x14ac:dyDescent="0.3">
      <c r="A185" s="152"/>
      <c r="B185" s="155"/>
      <c r="C185" s="43" t="s">
        <v>65</v>
      </c>
      <c r="D185" s="44">
        <v>12.089999999999998</v>
      </c>
      <c r="E185" s="7">
        <v>5.7299999999999995</v>
      </c>
      <c r="F185" s="8">
        <v>6.3599999999999985</v>
      </c>
      <c r="G185" s="9">
        <v>7.5499999999999989</v>
      </c>
      <c r="H185" s="45">
        <v>3.18</v>
      </c>
      <c r="I185" s="46">
        <v>4.3699999999999992</v>
      </c>
      <c r="J185" s="9">
        <v>0</v>
      </c>
      <c r="K185" s="45">
        <v>0</v>
      </c>
      <c r="L185" s="46">
        <v>0</v>
      </c>
      <c r="M185" s="9">
        <v>3.43</v>
      </c>
      <c r="N185" s="45">
        <v>2.33</v>
      </c>
      <c r="O185" s="46">
        <v>1.1000000000000001</v>
      </c>
      <c r="P185" s="9">
        <v>0</v>
      </c>
      <c r="Q185" s="45">
        <v>0</v>
      </c>
      <c r="R185" s="46">
        <v>0</v>
      </c>
      <c r="S185" s="9">
        <v>0.89</v>
      </c>
      <c r="T185" s="45">
        <v>0.22</v>
      </c>
      <c r="U185" s="46">
        <v>0.67</v>
      </c>
      <c r="V185" s="9">
        <v>0</v>
      </c>
      <c r="W185" s="45">
        <v>0</v>
      </c>
      <c r="X185" s="46">
        <v>0</v>
      </c>
      <c r="Y185" s="9">
        <v>0.22</v>
      </c>
      <c r="Z185" s="45">
        <v>0</v>
      </c>
      <c r="AA185" s="46">
        <v>0.22</v>
      </c>
    </row>
    <row r="186" spans="1:27" s="12" customFormat="1" ht="11.25" x14ac:dyDescent="0.25">
      <c r="A186" s="150">
        <v>51</v>
      </c>
      <c r="B186" s="153" t="s">
        <v>95</v>
      </c>
      <c r="C186" s="37" t="s">
        <v>44</v>
      </c>
      <c r="D186" s="38">
        <v>1560.0112000000001</v>
      </c>
      <c r="E186" s="7">
        <v>1531.9612000000002</v>
      </c>
      <c r="F186" s="8">
        <v>28.049999999999997</v>
      </c>
      <c r="G186" s="9">
        <v>1244.9846</v>
      </c>
      <c r="H186" s="39">
        <v>1230.4546</v>
      </c>
      <c r="I186" s="40">
        <v>14.530000000000001</v>
      </c>
      <c r="J186" s="9">
        <v>28.840000000000003</v>
      </c>
      <c r="K186" s="39">
        <v>28.840000000000003</v>
      </c>
      <c r="L186" s="40">
        <v>0</v>
      </c>
      <c r="M186" s="9">
        <v>162.9366</v>
      </c>
      <c r="N186" s="39">
        <v>150.02660000000003</v>
      </c>
      <c r="O186" s="40">
        <v>12.91</v>
      </c>
      <c r="P186" s="9">
        <v>82.31</v>
      </c>
      <c r="Q186" s="39">
        <v>82.31</v>
      </c>
      <c r="R186" s="40">
        <v>0</v>
      </c>
      <c r="S186" s="9">
        <v>21.72</v>
      </c>
      <c r="T186" s="39">
        <v>21.11</v>
      </c>
      <c r="U186" s="40">
        <v>0.61</v>
      </c>
      <c r="V186" s="9">
        <v>12.05</v>
      </c>
      <c r="W186" s="39">
        <v>12.05</v>
      </c>
      <c r="X186" s="40">
        <v>0</v>
      </c>
      <c r="Y186" s="9">
        <v>7.17</v>
      </c>
      <c r="Z186" s="39">
        <v>7.17</v>
      </c>
      <c r="AA186" s="40">
        <v>0</v>
      </c>
    </row>
    <row r="187" spans="1:27" s="12" customFormat="1" ht="11.25" x14ac:dyDescent="0.25">
      <c r="A187" s="151"/>
      <c r="B187" s="154"/>
      <c r="C187" s="13" t="s">
        <v>63</v>
      </c>
      <c r="D187" s="18">
        <v>29.33</v>
      </c>
      <c r="E187" s="7">
        <v>27.5</v>
      </c>
      <c r="F187" s="8">
        <v>1.83</v>
      </c>
      <c r="G187" s="9">
        <v>13.66</v>
      </c>
      <c r="H187" s="16">
        <v>13.27</v>
      </c>
      <c r="I187" s="17">
        <v>0.39</v>
      </c>
      <c r="J187" s="9">
        <v>0.11</v>
      </c>
      <c r="K187" s="16">
        <v>0</v>
      </c>
      <c r="L187" s="17">
        <v>0.11</v>
      </c>
      <c r="M187" s="9">
        <v>12.33</v>
      </c>
      <c r="N187" s="16">
        <v>11</v>
      </c>
      <c r="O187" s="17">
        <v>1.33</v>
      </c>
      <c r="P187" s="9">
        <v>1.23</v>
      </c>
      <c r="Q187" s="16">
        <v>1.23</v>
      </c>
      <c r="R187" s="17">
        <v>0</v>
      </c>
      <c r="S187" s="9">
        <v>0</v>
      </c>
      <c r="T187" s="16">
        <v>0</v>
      </c>
      <c r="U187" s="17">
        <v>0</v>
      </c>
      <c r="V187" s="9">
        <v>0</v>
      </c>
      <c r="W187" s="16">
        <v>0</v>
      </c>
      <c r="X187" s="17">
        <v>0</v>
      </c>
      <c r="Y187" s="9">
        <v>2</v>
      </c>
      <c r="Z187" s="16">
        <v>2</v>
      </c>
      <c r="AA187" s="17">
        <v>0</v>
      </c>
    </row>
    <row r="188" spans="1:27" s="12" customFormat="1" ht="11.25" x14ac:dyDescent="0.25">
      <c r="A188" s="151"/>
      <c r="B188" s="154"/>
      <c r="C188" s="13" t="s">
        <v>64</v>
      </c>
      <c r="D188" s="18">
        <v>0</v>
      </c>
      <c r="E188" s="7">
        <v>0</v>
      </c>
      <c r="F188" s="8">
        <v>0</v>
      </c>
      <c r="G188" s="9">
        <v>0</v>
      </c>
      <c r="H188" s="16">
        <v>0</v>
      </c>
      <c r="I188" s="17">
        <v>0</v>
      </c>
      <c r="J188" s="9">
        <v>0</v>
      </c>
      <c r="K188" s="16">
        <v>0</v>
      </c>
      <c r="L188" s="17">
        <v>0</v>
      </c>
      <c r="M188" s="9">
        <v>0</v>
      </c>
      <c r="N188" s="16">
        <v>0</v>
      </c>
      <c r="O188" s="17">
        <v>0</v>
      </c>
      <c r="P188" s="9">
        <v>0</v>
      </c>
      <c r="Q188" s="16">
        <v>0</v>
      </c>
      <c r="R188" s="17">
        <v>0</v>
      </c>
      <c r="S188" s="9">
        <v>0</v>
      </c>
      <c r="T188" s="16">
        <v>0</v>
      </c>
      <c r="U188" s="17">
        <v>0</v>
      </c>
      <c r="V188" s="9">
        <v>0</v>
      </c>
      <c r="W188" s="16">
        <v>0</v>
      </c>
      <c r="X188" s="17">
        <v>0</v>
      </c>
      <c r="Y188" s="9">
        <v>0</v>
      </c>
      <c r="Z188" s="16">
        <v>0</v>
      </c>
      <c r="AA188" s="17">
        <v>0</v>
      </c>
    </row>
    <row r="189" spans="1:27" s="12" customFormat="1" ht="12" thickBot="1" x14ac:dyDescent="0.3">
      <c r="A189" s="152"/>
      <c r="B189" s="155"/>
      <c r="C189" s="43" t="s">
        <v>65</v>
      </c>
      <c r="D189" s="44">
        <v>0</v>
      </c>
      <c r="E189" s="7">
        <v>0</v>
      </c>
      <c r="F189" s="8">
        <v>0</v>
      </c>
      <c r="G189" s="9">
        <v>0</v>
      </c>
      <c r="H189" s="45">
        <v>0</v>
      </c>
      <c r="I189" s="46">
        <v>0</v>
      </c>
      <c r="J189" s="9">
        <v>0</v>
      </c>
      <c r="K189" s="45">
        <v>0</v>
      </c>
      <c r="L189" s="46">
        <v>0</v>
      </c>
      <c r="M189" s="9">
        <v>0</v>
      </c>
      <c r="N189" s="45">
        <v>0</v>
      </c>
      <c r="O189" s="46">
        <v>0</v>
      </c>
      <c r="P189" s="9">
        <v>0</v>
      </c>
      <c r="Q189" s="45">
        <v>0</v>
      </c>
      <c r="R189" s="46">
        <v>0</v>
      </c>
      <c r="S189" s="9">
        <v>0</v>
      </c>
      <c r="T189" s="45">
        <v>0</v>
      </c>
      <c r="U189" s="46">
        <v>0</v>
      </c>
      <c r="V189" s="9">
        <v>0</v>
      </c>
      <c r="W189" s="45">
        <v>0</v>
      </c>
      <c r="X189" s="46">
        <v>0</v>
      </c>
      <c r="Y189" s="9">
        <v>0</v>
      </c>
      <c r="Z189" s="45">
        <v>0</v>
      </c>
      <c r="AA189" s="46">
        <v>0</v>
      </c>
    </row>
    <row r="190" spans="1:27" s="12" customFormat="1" ht="11.25" x14ac:dyDescent="0.25">
      <c r="A190" s="150">
        <v>52</v>
      </c>
      <c r="B190" s="153" t="s">
        <v>150</v>
      </c>
      <c r="C190" s="37" t="s">
        <v>44</v>
      </c>
      <c r="D190" s="38">
        <v>211.64999999999998</v>
      </c>
      <c r="E190" s="7">
        <v>204.64</v>
      </c>
      <c r="F190" s="8">
        <v>7.01</v>
      </c>
      <c r="G190" s="9">
        <v>202.65999999999997</v>
      </c>
      <c r="H190" s="39">
        <v>195.84999999999997</v>
      </c>
      <c r="I190" s="40">
        <v>6.81</v>
      </c>
      <c r="J190" s="9">
        <v>0.33</v>
      </c>
      <c r="K190" s="39">
        <v>0.33</v>
      </c>
      <c r="L190" s="40">
        <v>0</v>
      </c>
      <c r="M190" s="9">
        <v>6.22</v>
      </c>
      <c r="N190" s="39">
        <v>6.02</v>
      </c>
      <c r="O190" s="40">
        <v>0.2</v>
      </c>
      <c r="P190" s="9">
        <v>2.44</v>
      </c>
      <c r="Q190" s="39">
        <v>2.44</v>
      </c>
      <c r="R190" s="40">
        <v>0</v>
      </c>
      <c r="S190" s="9">
        <v>0</v>
      </c>
      <c r="T190" s="39">
        <v>0</v>
      </c>
      <c r="U190" s="40">
        <v>0</v>
      </c>
      <c r="V190" s="9">
        <v>0</v>
      </c>
      <c r="W190" s="39">
        <v>0</v>
      </c>
      <c r="X190" s="40">
        <v>0</v>
      </c>
      <c r="Y190" s="9">
        <v>0</v>
      </c>
      <c r="Z190" s="39">
        <v>0</v>
      </c>
      <c r="AA190" s="40">
        <v>0</v>
      </c>
    </row>
    <row r="191" spans="1:27" s="12" customFormat="1" ht="11.25" x14ac:dyDescent="0.25">
      <c r="A191" s="151"/>
      <c r="B191" s="154"/>
      <c r="C191" s="13" t="s">
        <v>63</v>
      </c>
      <c r="D191" s="18">
        <v>32.28</v>
      </c>
      <c r="E191" s="7">
        <v>31.060000000000002</v>
      </c>
      <c r="F191" s="8">
        <v>1.22</v>
      </c>
      <c r="G191" s="9">
        <v>26.78</v>
      </c>
      <c r="H191" s="16">
        <v>25.560000000000002</v>
      </c>
      <c r="I191" s="17">
        <v>1.22</v>
      </c>
      <c r="J191" s="9">
        <v>0</v>
      </c>
      <c r="K191" s="16">
        <v>0</v>
      </c>
      <c r="L191" s="17">
        <v>0</v>
      </c>
      <c r="M191" s="9">
        <v>5</v>
      </c>
      <c r="N191" s="16">
        <v>5</v>
      </c>
      <c r="O191" s="17">
        <v>0</v>
      </c>
      <c r="P191" s="9">
        <v>0.5</v>
      </c>
      <c r="Q191" s="16">
        <v>0.5</v>
      </c>
      <c r="R191" s="17">
        <v>0</v>
      </c>
      <c r="S191" s="9">
        <v>0</v>
      </c>
      <c r="T191" s="16">
        <v>0</v>
      </c>
      <c r="U191" s="17">
        <v>0</v>
      </c>
      <c r="V191" s="9">
        <v>0</v>
      </c>
      <c r="W191" s="16">
        <v>0</v>
      </c>
      <c r="X191" s="17">
        <v>0</v>
      </c>
      <c r="Y191" s="9">
        <v>0</v>
      </c>
      <c r="Z191" s="16">
        <v>0</v>
      </c>
      <c r="AA191" s="17">
        <v>0</v>
      </c>
    </row>
    <row r="192" spans="1:27" s="12" customFormat="1" ht="11.25" x14ac:dyDescent="0.25">
      <c r="A192" s="151"/>
      <c r="B192" s="154"/>
      <c r="C192" s="13" t="s">
        <v>64</v>
      </c>
      <c r="D192" s="18">
        <v>0</v>
      </c>
      <c r="E192" s="7">
        <v>0</v>
      </c>
      <c r="F192" s="8">
        <v>0</v>
      </c>
      <c r="G192" s="9">
        <v>0</v>
      </c>
      <c r="H192" s="16">
        <v>0</v>
      </c>
      <c r="I192" s="17">
        <v>0</v>
      </c>
      <c r="J192" s="9">
        <v>0</v>
      </c>
      <c r="K192" s="16">
        <v>0</v>
      </c>
      <c r="L192" s="17">
        <v>0</v>
      </c>
      <c r="M192" s="9">
        <v>0</v>
      </c>
      <c r="N192" s="16">
        <v>0</v>
      </c>
      <c r="O192" s="17">
        <v>0</v>
      </c>
      <c r="P192" s="9">
        <v>0</v>
      </c>
      <c r="Q192" s="16">
        <v>0</v>
      </c>
      <c r="R192" s="17">
        <v>0</v>
      </c>
      <c r="S192" s="9">
        <v>0</v>
      </c>
      <c r="T192" s="16">
        <v>0</v>
      </c>
      <c r="U192" s="17">
        <v>0</v>
      </c>
      <c r="V192" s="9">
        <v>0</v>
      </c>
      <c r="W192" s="16">
        <v>0</v>
      </c>
      <c r="X192" s="17">
        <v>0</v>
      </c>
      <c r="Y192" s="9">
        <v>0</v>
      </c>
      <c r="Z192" s="16">
        <v>0</v>
      </c>
      <c r="AA192" s="17">
        <v>0</v>
      </c>
    </row>
    <row r="193" spans="1:27" s="12" customFormat="1" ht="12" thickBot="1" x14ac:dyDescent="0.3">
      <c r="A193" s="152"/>
      <c r="B193" s="155"/>
      <c r="C193" s="43" t="s">
        <v>65</v>
      </c>
      <c r="D193" s="44">
        <v>0</v>
      </c>
      <c r="E193" s="7">
        <v>0</v>
      </c>
      <c r="F193" s="8">
        <v>0</v>
      </c>
      <c r="G193" s="9">
        <v>0</v>
      </c>
      <c r="H193" s="45">
        <v>0</v>
      </c>
      <c r="I193" s="46">
        <v>0</v>
      </c>
      <c r="J193" s="9">
        <v>0</v>
      </c>
      <c r="K193" s="45">
        <v>0</v>
      </c>
      <c r="L193" s="46">
        <v>0</v>
      </c>
      <c r="M193" s="9">
        <v>0</v>
      </c>
      <c r="N193" s="45">
        <v>0</v>
      </c>
      <c r="O193" s="46">
        <v>0</v>
      </c>
      <c r="P193" s="9">
        <v>0</v>
      </c>
      <c r="Q193" s="45">
        <v>0</v>
      </c>
      <c r="R193" s="46">
        <v>0</v>
      </c>
      <c r="S193" s="9">
        <v>0</v>
      </c>
      <c r="T193" s="45">
        <v>0</v>
      </c>
      <c r="U193" s="46">
        <v>0</v>
      </c>
      <c r="V193" s="9">
        <v>0</v>
      </c>
      <c r="W193" s="45">
        <v>0</v>
      </c>
      <c r="X193" s="46">
        <v>0</v>
      </c>
      <c r="Y193" s="9">
        <v>0</v>
      </c>
      <c r="Z193" s="45">
        <v>0</v>
      </c>
      <c r="AA193" s="46">
        <v>0</v>
      </c>
    </row>
    <row r="194" spans="1:27" s="12" customFormat="1" ht="11.25" x14ac:dyDescent="0.25">
      <c r="A194" s="150">
        <v>53</v>
      </c>
      <c r="B194" s="153" t="s">
        <v>151</v>
      </c>
      <c r="C194" s="37" t="s">
        <v>44</v>
      </c>
      <c r="D194" s="38">
        <v>2305.1625222222219</v>
      </c>
      <c r="E194" s="7">
        <v>2140.6103222222218</v>
      </c>
      <c r="F194" s="8">
        <v>164.55220000000003</v>
      </c>
      <c r="G194" s="9">
        <v>1976.2325222222219</v>
      </c>
      <c r="H194" s="39">
        <v>1848.650322222222</v>
      </c>
      <c r="I194" s="40">
        <v>127.5822</v>
      </c>
      <c r="J194" s="9">
        <v>25</v>
      </c>
      <c r="K194" s="39">
        <v>24</v>
      </c>
      <c r="L194" s="40">
        <v>1</v>
      </c>
      <c r="M194" s="9">
        <v>284.48999999999995</v>
      </c>
      <c r="N194" s="39">
        <v>249.01999999999998</v>
      </c>
      <c r="O194" s="40">
        <v>35.47</v>
      </c>
      <c r="P194" s="9">
        <v>18.29</v>
      </c>
      <c r="Q194" s="39">
        <v>17.79</v>
      </c>
      <c r="R194" s="40">
        <v>0.5</v>
      </c>
      <c r="S194" s="9">
        <v>1.1500000000000001</v>
      </c>
      <c r="T194" s="39">
        <v>1.1500000000000001</v>
      </c>
      <c r="U194" s="40">
        <v>0</v>
      </c>
      <c r="V194" s="9">
        <v>0</v>
      </c>
      <c r="W194" s="39">
        <v>0</v>
      </c>
      <c r="X194" s="40">
        <v>0</v>
      </c>
      <c r="Y194" s="9">
        <v>0</v>
      </c>
      <c r="Z194" s="39">
        <v>0</v>
      </c>
      <c r="AA194" s="40">
        <v>0</v>
      </c>
    </row>
    <row r="195" spans="1:27" s="12" customFormat="1" ht="11.25" x14ac:dyDescent="0.25">
      <c r="A195" s="151"/>
      <c r="B195" s="154"/>
      <c r="C195" s="13" t="s">
        <v>63</v>
      </c>
      <c r="D195" s="18">
        <v>110.25</v>
      </c>
      <c r="E195" s="7">
        <v>91.25</v>
      </c>
      <c r="F195" s="8">
        <v>19</v>
      </c>
      <c r="G195" s="9">
        <v>99.03</v>
      </c>
      <c r="H195" s="16">
        <v>85.03</v>
      </c>
      <c r="I195" s="17">
        <v>14</v>
      </c>
      <c r="J195" s="9">
        <v>0</v>
      </c>
      <c r="K195" s="16">
        <v>0</v>
      </c>
      <c r="L195" s="17">
        <v>0</v>
      </c>
      <c r="M195" s="9">
        <v>11.219999999999999</v>
      </c>
      <c r="N195" s="16">
        <v>6.2200000000000006</v>
      </c>
      <c r="O195" s="17">
        <v>5</v>
      </c>
      <c r="P195" s="9">
        <v>0</v>
      </c>
      <c r="Q195" s="16">
        <v>0</v>
      </c>
      <c r="R195" s="17">
        <v>0</v>
      </c>
      <c r="S195" s="9">
        <v>0</v>
      </c>
      <c r="T195" s="16">
        <v>0</v>
      </c>
      <c r="U195" s="17">
        <v>0</v>
      </c>
      <c r="V195" s="9">
        <v>0</v>
      </c>
      <c r="W195" s="16">
        <v>0</v>
      </c>
      <c r="X195" s="17">
        <v>0</v>
      </c>
      <c r="Y195" s="9">
        <v>0</v>
      </c>
      <c r="Z195" s="16">
        <v>0</v>
      </c>
      <c r="AA195" s="17">
        <v>0</v>
      </c>
    </row>
    <row r="196" spans="1:27" s="12" customFormat="1" ht="11.25" x14ac:dyDescent="0.25">
      <c r="A196" s="151"/>
      <c r="B196" s="154"/>
      <c r="C196" s="13" t="s">
        <v>64</v>
      </c>
      <c r="D196" s="18">
        <v>1.56</v>
      </c>
      <c r="E196" s="7">
        <v>1.56</v>
      </c>
      <c r="F196" s="8">
        <v>0</v>
      </c>
      <c r="G196" s="9">
        <v>1.56</v>
      </c>
      <c r="H196" s="16">
        <v>1.56</v>
      </c>
      <c r="I196" s="17">
        <v>0</v>
      </c>
      <c r="J196" s="9">
        <v>0</v>
      </c>
      <c r="K196" s="16">
        <v>0</v>
      </c>
      <c r="L196" s="17">
        <v>0</v>
      </c>
      <c r="M196" s="9">
        <v>0</v>
      </c>
      <c r="N196" s="16">
        <v>0</v>
      </c>
      <c r="O196" s="17">
        <v>0</v>
      </c>
      <c r="P196" s="9">
        <v>0</v>
      </c>
      <c r="Q196" s="16">
        <v>0</v>
      </c>
      <c r="R196" s="17">
        <v>0</v>
      </c>
      <c r="S196" s="9">
        <v>0</v>
      </c>
      <c r="T196" s="16">
        <v>0</v>
      </c>
      <c r="U196" s="17">
        <v>0</v>
      </c>
      <c r="V196" s="9">
        <v>0</v>
      </c>
      <c r="W196" s="16">
        <v>0</v>
      </c>
      <c r="X196" s="17">
        <v>0</v>
      </c>
      <c r="Y196" s="9">
        <v>0</v>
      </c>
      <c r="Z196" s="16">
        <v>0</v>
      </c>
      <c r="AA196" s="17">
        <v>0</v>
      </c>
    </row>
    <row r="197" spans="1:27" s="12" customFormat="1" ht="12" thickBot="1" x14ac:dyDescent="0.3">
      <c r="A197" s="152"/>
      <c r="B197" s="155"/>
      <c r="C197" s="43" t="s">
        <v>65</v>
      </c>
      <c r="D197" s="44">
        <v>1.43</v>
      </c>
      <c r="E197" s="7">
        <v>1.43</v>
      </c>
      <c r="F197" s="8">
        <v>0</v>
      </c>
      <c r="G197" s="9">
        <v>1.43</v>
      </c>
      <c r="H197" s="45">
        <v>1.43</v>
      </c>
      <c r="I197" s="46">
        <v>0</v>
      </c>
      <c r="J197" s="9">
        <v>0</v>
      </c>
      <c r="K197" s="45">
        <v>0</v>
      </c>
      <c r="L197" s="46">
        <v>0</v>
      </c>
      <c r="M197" s="9">
        <v>0</v>
      </c>
      <c r="N197" s="45">
        <v>0</v>
      </c>
      <c r="O197" s="46">
        <v>0</v>
      </c>
      <c r="P197" s="9">
        <v>0</v>
      </c>
      <c r="Q197" s="45">
        <v>0</v>
      </c>
      <c r="R197" s="46">
        <v>0</v>
      </c>
      <c r="S197" s="9">
        <v>0</v>
      </c>
      <c r="T197" s="45">
        <v>0</v>
      </c>
      <c r="U197" s="46">
        <v>0</v>
      </c>
      <c r="V197" s="9">
        <v>0</v>
      </c>
      <c r="W197" s="45">
        <v>0</v>
      </c>
      <c r="X197" s="46">
        <v>0</v>
      </c>
      <c r="Y197" s="9">
        <v>0</v>
      </c>
      <c r="Z197" s="45">
        <v>0</v>
      </c>
      <c r="AA197" s="46">
        <v>0</v>
      </c>
    </row>
    <row r="198" spans="1:27" s="12" customFormat="1" ht="11.25" x14ac:dyDescent="0.25">
      <c r="A198" s="150">
        <v>54</v>
      </c>
      <c r="B198" s="153" t="s">
        <v>152</v>
      </c>
      <c r="C198" s="37" t="s">
        <v>44</v>
      </c>
      <c r="D198" s="38">
        <v>544.49</v>
      </c>
      <c r="E198" s="7">
        <v>517.99</v>
      </c>
      <c r="F198" s="8">
        <v>26.5</v>
      </c>
      <c r="G198" s="9">
        <v>499.11</v>
      </c>
      <c r="H198" s="39">
        <v>477.61</v>
      </c>
      <c r="I198" s="40">
        <v>21.5</v>
      </c>
      <c r="J198" s="9">
        <v>7</v>
      </c>
      <c r="K198" s="39">
        <v>6</v>
      </c>
      <c r="L198" s="40">
        <v>1</v>
      </c>
      <c r="M198" s="9">
        <v>35.879999999999995</v>
      </c>
      <c r="N198" s="39">
        <v>32.879999999999995</v>
      </c>
      <c r="O198" s="40">
        <v>3</v>
      </c>
      <c r="P198" s="9">
        <v>2.5</v>
      </c>
      <c r="Q198" s="39">
        <v>1.5</v>
      </c>
      <c r="R198" s="40">
        <v>1</v>
      </c>
      <c r="S198" s="9">
        <v>0</v>
      </c>
      <c r="T198" s="39">
        <v>0</v>
      </c>
      <c r="U198" s="40">
        <v>0</v>
      </c>
      <c r="V198" s="9">
        <v>0</v>
      </c>
      <c r="W198" s="39">
        <v>0</v>
      </c>
      <c r="X198" s="40">
        <v>0</v>
      </c>
      <c r="Y198" s="9">
        <v>0</v>
      </c>
      <c r="Z198" s="39">
        <v>0</v>
      </c>
      <c r="AA198" s="40">
        <v>0</v>
      </c>
    </row>
    <row r="199" spans="1:27" s="12" customFormat="1" ht="11.25" x14ac:dyDescent="0.25">
      <c r="A199" s="151"/>
      <c r="B199" s="154"/>
      <c r="C199" s="13" t="s">
        <v>63</v>
      </c>
      <c r="D199" s="18">
        <v>47.5</v>
      </c>
      <c r="E199" s="7">
        <v>41.5</v>
      </c>
      <c r="F199" s="8">
        <v>6</v>
      </c>
      <c r="G199" s="9">
        <v>43.5</v>
      </c>
      <c r="H199" s="16">
        <v>37.5</v>
      </c>
      <c r="I199" s="17">
        <v>6</v>
      </c>
      <c r="J199" s="9">
        <v>0</v>
      </c>
      <c r="K199" s="16">
        <v>0</v>
      </c>
      <c r="L199" s="17">
        <v>0</v>
      </c>
      <c r="M199" s="9">
        <v>4</v>
      </c>
      <c r="N199" s="16">
        <v>4</v>
      </c>
      <c r="O199" s="17">
        <v>0</v>
      </c>
      <c r="P199" s="9">
        <v>0</v>
      </c>
      <c r="Q199" s="16">
        <v>0</v>
      </c>
      <c r="R199" s="17">
        <v>0</v>
      </c>
      <c r="S199" s="9">
        <v>0</v>
      </c>
      <c r="T199" s="16">
        <v>0</v>
      </c>
      <c r="U199" s="17">
        <v>0</v>
      </c>
      <c r="V199" s="9">
        <v>0</v>
      </c>
      <c r="W199" s="16">
        <v>0</v>
      </c>
      <c r="X199" s="17">
        <v>0</v>
      </c>
      <c r="Y199" s="9">
        <v>0</v>
      </c>
      <c r="Z199" s="16">
        <v>0</v>
      </c>
      <c r="AA199" s="17">
        <v>0</v>
      </c>
    </row>
    <row r="200" spans="1:27" s="12" customFormat="1" ht="11.25" x14ac:dyDescent="0.25">
      <c r="A200" s="151"/>
      <c r="B200" s="154"/>
      <c r="C200" s="13" t="s">
        <v>64</v>
      </c>
      <c r="D200" s="18">
        <v>0</v>
      </c>
      <c r="E200" s="7">
        <v>0</v>
      </c>
      <c r="F200" s="8">
        <v>0</v>
      </c>
      <c r="G200" s="9">
        <v>0</v>
      </c>
      <c r="H200" s="16">
        <v>0</v>
      </c>
      <c r="I200" s="17">
        <v>0</v>
      </c>
      <c r="J200" s="9">
        <v>0</v>
      </c>
      <c r="K200" s="16">
        <v>0</v>
      </c>
      <c r="L200" s="17">
        <v>0</v>
      </c>
      <c r="M200" s="9">
        <v>0</v>
      </c>
      <c r="N200" s="16">
        <v>0</v>
      </c>
      <c r="O200" s="17">
        <v>0</v>
      </c>
      <c r="P200" s="9">
        <v>0</v>
      </c>
      <c r="Q200" s="16">
        <v>0</v>
      </c>
      <c r="R200" s="17">
        <v>0</v>
      </c>
      <c r="S200" s="9">
        <v>0</v>
      </c>
      <c r="T200" s="16">
        <v>0</v>
      </c>
      <c r="U200" s="17">
        <v>0</v>
      </c>
      <c r="V200" s="9">
        <v>0</v>
      </c>
      <c r="W200" s="16">
        <v>0</v>
      </c>
      <c r="X200" s="17">
        <v>0</v>
      </c>
      <c r="Y200" s="9">
        <v>0</v>
      </c>
      <c r="Z200" s="16">
        <v>0</v>
      </c>
      <c r="AA200" s="17">
        <v>0</v>
      </c>
    </row>
    <row r="201" spans="1:27" s="12" customFormat="1" ht="12" thickBot="1" x14ac:dyDescent="0.3">
      <c r="A201" s="152"/>
      <c r="B201" s="155"/>
      <c r="C201" s="43" t="s">
        <v>65</v>
      </c>
      <c r="D201" s="44">
        <v>0</v>
      </c>
      <c r="E201" s="7">
        <v>0</v>
      </c>
      <c r="F201" s="8">
        <v>0</v>
      </c>
      <c r="G201" s="9">
        <v>0</v>
      </c>
      <c r="H201" s="45">
        <v>0</v>
      </c>
      <c r="I201" s="46">
        <v>0</v>
      </c>
      <c r="J201" s="9">
        <v>0</v>
      </c>
      <c r="K201" s="45">
        <v>0</v>
      </c>
      <c r="L201" s="46">
        <v>0</v>
      </c>
      <c r="M201" s="9">
        <v>0</v>
      </c>
      <c r="N201" s="45">
        <v>0</v>
      </c>
      <c r="O201" s="46">
        <v>0</v>
      </c>
      <c r="P201" s="9">
        <v>0</v>
      </c>
      <c r="Q201" s="45">
        <v>0</v>
      </c>
      <c r="R201" s="46">
        <v>0</v>
      </c>
      <c r="S201" s="9">
        <v>0</v>
      </c>
      <c r="T201" s="45">
        <v>0</v>
      </c>
      <c r="U201" s="46">
        <v>0</v>
      </c>
      <c r="V201" s="9">
        <v>0</v>
      </c>
      <c r="W201" s="45">
        <v>0</v>
      </c>
      <c r="X201" s="46">
        <v>0</v>
      </c>
      <c r="Y201" s="9">
        <v>0</v>
      </c>
      <c r="Z201" s="45">
        <v>0</v>
      </c>
      <c r="AA201" s="46">
        <v>0</v>
      </c>
    </row>
    <row r="202" spans="1:27" s="12" customFormat="1" ht="11.25" x14ac:dyDescent="0.25">
      <c r="A202" s="156">
        <v>55</v>
      </c>
      <c r="B202" s="153" t="s">
        <v>96</v>
      </c>
      <c r="C202" s="37" t="s">
        <v>44</v>
      </c>
      <c r="D202" s="38">
        <v>187.75110000000001</v>
      </c>
      <c r="E202" s="7">
        <v>102.27</v>
      </c>
      <c r="F202" s="8">
        <v>85.481100000000012</v>
      </c>
      <c r="G202" s="9">
        <v>154.20110000000003</v>
      </c>
      <c r="H202" s="39">
        <v>81.72</v>
      </c>
      <c r="I202" s="40">
        <v>72.481100000000012</v>
      </c>
      <c r="J202" s="9">
        <v>0</v>
      </c>
      <c r="K202" s="39">
        <v>0</v>
      </c>
      <c r="L202" s="40">
        <v>0</v>
      </c>
      <c r="M202" s="9">
        <v>19.05</v>
      </c>
      <c r="N202" s="39">
        <v>10.55</v>
      </c>
      <c r="O202" s="40">
        <v>8.5</v>
      </c>
      <c r="P202" s="9">
        <v>2.5</v>
      </c>
      <c r="Q202" s="39">
        <v>2</v>
      </c>
      <c r="R202" s="40">
        <v>0.5</v>
      </c>
      <c r="S202" s="9">
        <v>8</v>
      </c>
      <c r="T202" s="39">
        <v>5</v>
      </c>
      <c r="U202" s="40">
        <v>3</v>
      </c>
      <c r="V202" s="9">
        <v>3</v>
      </c>
      <c r="W202" s="39">
        <v>2</v>
      </c>
      <c r="X202" s="40">
        <v>1</v>
      </c>
      <c r="Y202" s="9">
        <v>1</v>
      </c>
      <c r="Z202" s="39">
        <v>1</v>
      </c>
      <c r="AA202" s="40">
        <v>0</v>
      </c>
    </row>
    <row r="203" spans="1:27" s="12" customFormat="1" ht="11.25" x14ac:dyDescent="0.25">
      <c r="A203" s="157"/>
      <c r="B203" s="154"/>
      <c r="C203" s="13" t="s">
        <v>63</v>
      </c>
      <c r="D203" s="18">
        <v>1.99</v>
      </c>
      <c r="E203" s="7">
        <v>1.99</v>
      </c>
      <c r="F203" s="8">
        <v>0</v>
      </c>
      <c r="G203" s="9">
        <v>1.1100000000000001</v>
      </c>
      <c r="H203" s="16">
        <v>1.1100000000000001</v>
      </c>
      <c r="I203" s="17">
        <v>0</v>
      </c>
      <c r="J203" s="9">
        <v>0</v>
      </c>
      <c r="K203" s="16">
        <v>0</v>
      </c>
      <c r="L203" s="17">
        <v>0</v>
      </c>
      <c r="M203" s="9">
        <v>0.66</v>
      </c>
      <c r="N203" s="16">
        <v>0.66</v>
      </c>
      <c r="O203" s="17">
        <v>0</v>
      </c>
      <c r="P203" s="9">
        <v>0</v>
      </c>
      <c r="Q203" s="16">
        <v>0</v>
      </c>
      <c r="R203" s="17">
        <v>0</v>
      </c>
      <c r="S203" s="9">
        <v>0.22</v>
      </c>
      <c r="T203" s="16">
        <v>0.22</v>
      </c>
      <c r="U203" s="17">
        <v>0</v>
      </c>
      <c r="V203" s="9">
        <v>0</v>
      </c>
      <c r="W203" s="16">
        <v>0</v>
      </c>
      <c r="X203" s="17">
        <v>0</v>
      </c>
      <c r="Y203" s="9">
        <v>0</v>
      </c>
      <c r="Z203" s="16">
        <v>0</v>
      </c>
      <c r="AA203" s="17">
        <v>0</v>
      </c>
    </row>
    <row r="204" spans="1:27" s="12" customFormat="1" ht="11.25" x14ac:dyDescent="0.25">
      <c r="A204" s="157"/>
      <c r="B204" s="162"/>
      <c r="C204" s="15" t="s">
        <v>64</v>
      </c>
      <c r="D204" s="18">
        <v>0</v>
      </c>
      <c r="E204" s="7">
        <v>0</v>
      </c>
      <c r="F204" s="8">
        <v>0</v>
      </c>
      <c r="G204" s="9">
        <v>0</v>
      </c>
      <c r="H204" s="16">
        <v>0</v>
      </c>
      <c r="I204" s="17">
        <v>0</v>
      </c>
      <c r="J204" s="9">
        <v>0</v>
      </c>
      <c r="K204" s="16">
        <v>0</v>
      </c>
      <c r="L204" s="17">
        <v>0</v>
      </c>
      <c r="M204" s="9">
        <v>0</v>
      </c>
      <c r="N204" s="16">
        <v>0</v>
      </c>
      <c r="O204" s="17">
        <v>0</v>
      </c>
      <c r="P204" s="9">
        <v>0</v>
      </c>
      <c r="Q204" s="16">
        <v>0</v>
      </c>
      <c r="R204" s="17">
        <v>0</v>
      </c>
      <c r="S204" s="9">
        <v>0</v>
      </c>
      <c r="T204" s="16">
        <v>0</v>
      </c>
      <c r="U204" s="17">
        <v>0</v>
      </c>
      <c r="V204" s="9">
        <v>0</v>
      </c>
      <c r="W204" s="16">
        <v>0</v>
      </c>
      <c r="X204" s="17">
        <v>0</v>
      </c>
      <c r="Y204" s="9">
        <v>0</v>
      </c>
      <c r="Z204" s="16">
        <v>0</v>
      </c>
      <c r="AA204" s="17">
        <v>0</v>
      </c>
    </row>
    <row r="205" spans="1:27" s="12" customFormat="1" ht="12" thickBot="1" x14ac:dyDescent="0.3">
      <c r="A205" s="158"/>
      <c r="B205" s="155"/>
      <c r="C205" s="43" t="s">
        <v>65</v>
      </c>
      <c r="D205" s="44">
        <v>0</v>
      </c>
      <c r="E205" s="7">
        <v>0</v>
      </c>
      <c r="F205" s="8">
        <v>0</v>
      </c>
      <c r="G205" s="9">
        <v>0</v>
      </c>
      <c r="H205" s="45">
        <v>0</v>
      </c>
      <c r="I205" s="46">
        <v>0</v>
      </c>
      <c r="J205" s="9">
        <v>0</v>
      </c>
      <c r="K205" s="45">
        <v>0</v>
      </c>
      <c r="L205" s="46">
        <v>0</v>
      </c>
      <c r="M205" s="9">
        <v>0</v>
      </c>
      <c r="N205" s="45">
        <v>0</v>
      </c>
      <c r="O205" s="46">
        <v>0</v>
      </c>
      <c r="P205" s="9">
        <v>0</v>
      </c>
      <c r="Q205" s="45">
        <v>0</v>
      </c>
      <c r="R205" s="46">
        <v>0</v>
      </c>
      <c r="S205" s="9">
        <v>0</v>
      </c>
      <c r="T205" s="45">
        <v>0</v>
      </c>
      <c r="U205" s="46">
        <v>0</v>
      </c>
      <c r="V205" s="9">
        <v>0</v>
      </c>
      <c r="W205" s="45">
        <v>0</v>
      </c>
      <c r="X205" s="46">
        <v>0</v>
      </c>
      <c r="Y205" s="9">
        <v>0</v>
      </c>
      <c r="Z205" s="45">
        <v>0</v>
      </c>
      <c r="AA205" s="46">
        <v>0</v>
      </c>
    </row>
    <row r="206" spans="1:27" s="12" customFormat="1" ht="11.25" x14ac:dyDescent="0.25">
      <c r="A206" s="150">
        <v>56</v>
      </c>
      <c r="B206" s="153" t="s">
        <v>97</v>
      </c>
      <c r="C206" s="37" t="s">
        <v>44</v>
      </c>
      <c r="D206" s="38">
        <v>1737.0544000000002</v>
      </c>
      <c r="E206" s="7">
        <v>1698.0544000000002</v>
      </c>
      <c r="F206" s="8">
        <v>39</v>
      </c>
      <c r="G206" s="9">
        <v>1341.92</v>
      </c>
      <c r="H206" s="39">
        <v>1318.92</v>
      </c>
      <c r="I206" s="40">
        <v>23</v>
      </c>
      <c r="J206" s="9">
        <v>35.11</v>
      </c>
      <c r="K206" s="39">
        <v>35.11</v>
      </c>
      <c r="L206" s="40">
        <v>0</v>
      </c>
      <c r="M206" s="9">
        <v>263.36</v>
      </c>
      <c r="N206" s="39">
        <v>248.35999999999999</v>
      </c>
      <c r="O206" s="40">
        <v>15</v>
      </c>
      <c r="P206" s="9">
        <v>53.663299999999992</v>
      </c>
      <c r="Q206" s="39">
        <v>52.663299999999992</v>
      </c>
      <c r="R206" s="40">
        <v>1</v>
      </c>
      <c r="S206" s="9">
        <v>29.389999999999997</v>
      </c>
      <c r="T206" s="39">
        <v>29.389999999999997</v>
      </c>
      <c r="U206" s="40">
        <v>0</v>
      </c>
      <c r="V206" s="9">
        <v>3.5</v>
      </c>
      <c r="W206" s="39">
        <v>3.5</v>
      </c>
      <c r="X206" s="40">
        <v>0</v>
      </c>
      <c r="Y206" s="9">
        <v>10.1111</v>
      </c>
      <c r="Z206" s="39">
        <v>10.1111</v>
      </c>
      <c r="AA206" s="40">
        <v>0</v>
      </c>
    </row>
    <row r="207" spans="1:27" s="12" customFormat="1" ht="11.25" x14ac:dyDescent="0.25">
      <c r="A207" s="151"/>
      <c r="B207" s="154"/>
      <c r="C207" s="13" t="s">
        <v>63</v>
      </c>
      <c r="D207" s="18">
        <v>63.83</v>
      </c>
      <c r="E207" s="7">
        <v>63.83</v>
      </c>
      <c r="F207" s="8">
        <v>0</v>
      </c>
      <c r="G207" s="9">
        <v>45.79</v>
      </c>
      <c r="H207" s="16">
        <v>45.79</v>
      </c>
      <c r="I207" s="17">
        <v>0</v>
      </c>
      <c r="J207" s="9">
        <v>0</v>
      </c>
      <c r="K207" s="16">
        <v>0</v>
      </c>
      <c r="L207" s="17">
        <v>0</v>
      </c>
      <c r="M207" s="9">
        <v>4.0699999999999994</v>
      </c>
      <c r="N207" s="16">
        <v>4.0699999999999994</v>
      </c>
      <c r="O207" s="17">
        <v>0</v>
      </c>
      <c r="P207" s="9">
        <v>3.91</v>
      </c>
      <c r="Q207" s="16">
        <v>3.91</v>
      </c>
      <c r="R207" s="17">
        <v>0</v>
      </c>
      <c r="S207" s="9">
        <v>4.17</v>
      </c>
      <c r="T207" s="16">
        <v>4.17</v>
      </c>
      <c r="U207" s="17">
        <v>0</v>
      </c>
      <c r="V207" s="9">
        <v>0</v>
      </c>
      <c r="W207" s="16">
        <v>0</v>
      </c>
      <c r="X207" s="17">
        <v>0</v>
      </c>
      <c r="Y207" s="9">
        <v>5.89</v>
      </c>
      <c r="Z207" s="16">
        <v>5.89</v>
      </c>
      <c r="AA207" s="17">
        <v>0</v>
      </c>
    </row>
    <row r="208" spans="1:27" s="12" customFormat="1" ht="11.25" x14ac:dyDescent="0.25">
      <c r="A208" s="163"/>
      <c r="B208" s="162"/>
      <c r="C208" s="15" t="s">
        <v>64</v>
      </c>
      <c r="D208" s="18">
        <v>0</v>
      </c>
      <c r="E208" s="7">
        <v>0</v>
      </c>
      <c r="F208" s="8">
        <v>0</v>
      </c>
      <c r="G208" s="9">
        <v>0</v>
      </c>
      <c r="H208" s="16">
        <v>0</v>
      </c>
      <c r="I208" s="17">
        <v>0</v>
      </c>
      <c r="J208" s="9">
        <v>0</v>
      </c>
      <c r="K208" s="16">
        <v>0</v>
      </c>
      <c r="L208" s="17">
        <v>0</v>
      </c>
      <c r="M208" s="9">
        <v>0</v>
      </c>
      <c r="N208" s="16">
        <v>0</v>
      </c>
      <c r="O208" s="17">
        <v>0</v>
      </c>
      <c r="P208" s="9">
        <v>0</v>
      </c>
      <c r="Q208" s="16">
        <v>0</v>
      </c>
      <c r="R208" s="17">
        <v>0</v>
      </c>
      <c r="S208" s="9">
        <v>0</v>
      </c>
      <c r="T208" s="16">
        <v>0</v>
      </c>
      <c r="U208" s="17">
        <v>0</v>
      </c>
      <c r="V208" s="9">
        <v>0</v>
      </c>
      <c r="W208" s="16">
        <v>0</v>
      </c>
      <c r="X208" s="17">
        <v>0</v>
      </c>
      <c r="Y208" s="9">
        <v>0</v>
      </c>
      <c r="Z208" s="16">
        <v>0</v>
      </c>
      <c r="AA208" s="17">
        <v>0</v>
      </c>
    </row>
    <row r="209" spans="1:27" s="12" customFormat="1" ht="12" thickBot="1" x14ac:dyDescent="0.3">
      <c r="A209" s="152"/>
      <c r="B209" s="155"/>
      <c r="C209" s="43" t="s">
        <v>65</v>
      </c>
      <c r="D209" s="44">
        <v>0</v>
      </c>
      <c r="E209" s="7">
        <v>0</v>
      </c>
      <c r="F209" s="8">
        <v>0</v>
      </c>
      <c r="G209" s="9">
        <v>0</v>
      </c>
      <c r="H209" s="45">
        <v>0</v>
      </c>
      <c r="I209" s="46">
        <v>0</v>
      </c>
      <c r="J209" s="9">
        <v>0</v>
      </c>
      <c r="K209" s="45">
        <v>0</v>
      </c>
      <c r="L209" s="46">
        <v>0</v>
      </c>
      <c r="M209" s="9">
        <v>0</v>
      </c>
      <c r="N209" s="45">
        <v>0</v>
      </c>
      <c r="O209" s="46">
        <v>0</v>
      </c>
      <c r="P209" s="9">
        <v>0</v>
      </c>
      <c r="Q209" s="45">
        <v>0</v>
      </c>
      <c r="R209" s="46">
        <v>0</v>
      </c>
      <c r="S209" s="9">
        <v>0</v>
      </c>
      <c r="T209" s="45">
        <v>0</v>
      </c>
      <c r="U209" s="46">
        <v>0</v>
      </c>
      <c r="V209" s="9">
        <v>0</v>
      </c>
      <c r="W209" s="45">
        <v>0</v>
      </c>
      <c r="X209" s="46">
        <v>0</v>
      </c>
      <c r="Y209" s="9">
        <v>0</v>
      </c>
      <c r="Z209" s="45">
        <v>0</v>
      </c>
      <c r="AA209" s="46">
        <v>0</v>
      </c>
    </row>
    <row r="210" spans="1:27" s="12" customFormat="1" ht="11.25" x14ac:dyDescent="0.25">
      <c r="A210" s="150">
        <v>57</v>
      </c>
      <c r="B210" s="153" t="s">
        <v>98</v>
      </c>
      <c r="C210" s="37" t="s">
        <v>44</v>
      </c>
      <c r="D210" s="38">
        <v>221.66000000000005</v>
      </c>
      <c r="E210" s="7">
        <v>219.66000000000005</v>
      </c>
      <c r="F210" s="8">
        <v>2</v>
      </c>
      <c r="G210" s="9">
        <v>198.94000000000003</v>
      </c>
      <c r="H210" s="39">
        <v>196.94000000000003</v>
      </c>
      <c r="I210" s="40">
        <v>2</v>
      </c>
      <c r="J210" s="9">
        <v>0</v>
      </c>
      <c r="K210" s="39">
        <v>0</v>
      </c>
      <c r="L210" s="40">
        <v>0</v>
      </c>
      <c r="M210" s="9">
        <v>4.55</v>
      </c>
      <c r="N210" s="39">
        <v>4.55</v>
      </c>
      <c r="O210" s="40">
        <v>0</v>
      </c>
      <c r="P210" s="9">
        <v>12.84</v>
      </c>
      <c r="Q210" s="39">
        <v>12.84</v>
      </c>
      <c r="R210" s="40">
        <v>0</v>
      </c>
      <c r="S210" s="9">
        <v>4</v>
      </c>
      <c r="T210" s="39">
        <v>4</v>
      </c>
      <c r="U210" s="40">
        <v>0</v>
      </c>
      <c r="V210" s="9">
        <v>0</v>
      </c>
      <c r="W210" s="39">
        <v>0</v>
      </c>
      <c r="X210" s="40">
        <v>0</v>
      </c>
      <c r="Y210" s="9">
        <v>1.33</v>
      </c>
      <c r="Z210" s="39">
        <v>1.33</v>
      </c>
      <c r="AA210" s="40">
        <v>0</v>
      </c>
    </row>
    <row r="211" spans="1:27" s="12" customFormat="1" ht="11.25" x14ac:dyDescent="0.25">
      <c r="A211" s="151"/>
      <c r="B211" s="154"/>
      <c r="C211" s="13" t="s">
        <v>63</v>
      </c>
      <c r="D211" s="18">
        <v>11.5</v>
      </c>
      <c r="E211" s="7">
        <v>11.5</v>
      </c>
      <c r="F211" s="8">
        <v>0</v>
      </c>
      <c r="G211" s="9">
        <v>11.5</v>
      </c>
      <c r="H211" s="16">
        <v>11.5</v>
      </c>
      <c r="I211" s="17">
        <v>0</v>
      </c>
      <c r="J211" s="9">
        <v>0</v>
      </c>
      <c r="K211" s="16">
        <v>0</v>
      </c>
      <c r="L211" s="17">
        <v>0</v>
      </c>
      <c r="M211" s="9">
        <v>0</v>
      </c>
      <c r="N211" s="16">
        <v>0</v>
      </c>
      <c r="O211" s="17">
        <v>0</v>
      </c>
      <c r="P211" s="9">
        <v>0</v>
      </c>
      <c r="Q211" s="16">
        <v>0</v>
      </c>
      <c r="R211" s="17">
        <v>0</v>
      </c>
      <c r="S211" s="9">
        <v>0</v>
      </c>
      <c r="T211" s="16">
        <v>0</v>
      </c>
      <c r="U211" s="17">
        <v>0</v>
      </c>
      <c r="V211" s="9">
        <v>0</v>
      </c>
      <c r="W211" s="16">
        <v>0</v>
      </c>
      <c r="X211" s="17">
        <v>0</v>
      </c>
      <c r="Y211" s="9">
        <v>0</v>
      </c>
      <c r="Z211" s="16">
        <v>0</v>
      </c>
      <c r="AA211" s="17">
        <v>0</v>
      </c>
    </row>
    <row r="212" spans="1:27" s="12" customFormat="1" ht="11.25" x14ac:dyDescent="0.25">
      <c r="A212" s="163"/>
      <c r="B212" s="162"/>
      <c r="C212" s="15" t="s">
        <v>64</v>
      </c>
      <c r="D212" s="18">
        <v>0</v>
      </c>
      <c r="E212" s="7">
        <v>0</v>
      </c>
      <c r="F212" s="8">
        <v>0</v>
      </c>
      <c r="G212" s="9">
        <v>0</v>
      </c>
      <c r="H212" s="16">
        <v>0</v>
      </c>
      <c r="I212" s="17">
        <v>0</v>
      </c>
      <c r="J212" s="9">
        <v>0</v>
      </c>
      <c r="K212" s="16">
        <v>0</v>
      </c>
      <c r="L212" s="17">
        <v>0</v>
      </c>
      <c r="M212" s="9">
        <v>0</v>
      </c>
      <c r="N212" s="16">
        <v>0</v>
      </c>
      <c r="O212" s="17">
        <v>0</v>
      </c>
      <c r="P212" s="9">
        <v>0</v>
      </c>
      <c r="Q212" s="16">
        <v>0</v>
      </c>
      <c r="R212" s="17">
        <v>0</v>
      </c>
      <c r="S212" s="9">
        <v>0</v>
      </c>
      <c r="T212" s="16">
        <v>0</v>
      </c>
      <c r="U212" s="17">
        <v>0</v>
      </c>
      <c r="V212" s="9">
        <v>0</v>
      </c>
      <c r="W212" s="16">
        <v>0</v>
      </c>
      <c r="X212" s="17">
        <v>0</v>
      </c>
      <c r="Y212" s="9">
        <v>0</v>
      </c>
      <c r="Z212" s="16">
        <v>0</v>
      </c>
      <c r="AA212" s="17">
        <v>0</v>
      </c>
    </row>
    <row r="213" spans="1:27" s="12" customFormat="1" ht="12" thickBot="1" x14ac:dyDescent="0.3">
      <c r="A213" s="163"/>
      <c r="B213" s="162"/>
      <c r="C213" s="15" t="s">
        <v>65</v>
      </c>
      <c r="D213" s="19">
        <v>4.5</v>
      </c>
      <c r="E213" s="20">
        <v>4.5</v>
      </c>
      <c r="F213" s="21">
        <v>0</v>
      </c>
      <c r="G213" s="22">
        <v>4.5</v>
      </c>
      <c r="H213" s="23">
        <v>4.5</v>
      </c>
      <c r="I213" s="24">
        <v>0</v>
      </c>
      <c r="J213" s="22">
        <v>0</v>
      </c>
      <c r="K213" s="23">
        <v>0</v>
      </c>
      <c r="L213" s="24">
        <v>0</v>
      </c>
      <c r="M213" s="22">
        <v>0</v>
      </c>
      <c r="N213" s="23">
        <v>0</v>
      </c>
      <c r="O213" s="24">
        <v>0</v>
      </c>
      <c r="P213" s="22">
        <v>0</v>
      </c>
      <c r="Q213" s="23">
        <v>0</v>
      </c>
      <c r="R213" s="24">
        <v>0</v>
      </c>
      <c r="S213" s="22">
        <v>0</v>
      </c>
      <c r="T213" s="23">
        <v>0</v>
      </c>
      <c r="U213" s="24">
        <v>0</v>
      </c>
      <c r="V213" s="22">
        <v>0</v>
      </c>
      <c r="W213" s="23">
        <v>0</v>
      </c>
      <c r="X213" s="24">
        <v>0</v>
      </c>
      <c r="Y213" s="22">
        <v>0</v>
      </c>
      <c r="Z213" s="23">
        <v>0</v>
      </c>
      <c r="AA213" s="24">
        <v>0</v>
      </c>
    </row>
    <row r="214" spans="1:27" s="54" customFormat="1" ht="12" thickBot="1" x14ac:dyDescent="0.3">
      <c r="A214" s="167" t="s">
        <v>99</v>
      </c>
      <c r="B214" s="168"/>
      <c r="C214" s="169"/>
      <c r="D214" s="50">
        <v>111795.03558204767</v>
      </c>
      <c r="E214" s="26">
        <v>75305.127386941094</v>
      </c>
      <c r="F214" s="26">
        <v>36489.908195106553</v>
      </c>
      <c r="G214" s="59">
        <v>89669.427078277789</v>
      </c>
      <c r="H214" s="51">
        <v>62822.710441388896</v>
      </c>
      <c r="I214" s="52">
        <v>26846.71663688889</v>
      </c>
      <c r="J214" s="59">
        <v>1069.0503888888888</v>
      </c>
      <c r="K214" s="51">
        <v>622.38350000000003</v>
      </c>
      <c r="L214" s="52">
        <v>446.66688888888882</v>
      </c>
      <c r="M214" s="59">
        <v>16639.736300436551</v>
      </c>
      <c r="N214" s="51">
        <v>9234.3552422188877</v>
      </c>
      <c r="O214" s="53">
        <v>7405.3810582176648</v>
      </c>
      <c r="P214" s="59">
        <v>2568.5217288888889</v>
      </c>
      <c r="Q214" s="51">
        <v>1905.4471844444447</v>
      </c>
      <c r="R214" s="53">
        <v>663.07454444444454</v>
      </c>
      <c r="S214" s="59">
        <v>1188.8741055555556</v>
      </c>
      <c r="T214" s="51">
        <v>446.01813888888898</v>
      </c>
      <c r="U214" s="53">
        <v>742.85596666666675</v>
      </c>
      <c r="V214" s="59">
        <v>222.62860000000006</v>
      </c>
      <c r="W214" s="51">
        <v>112.10880000000002</v>
      </c>
      <c r="X214" s="53">
        <v>110.51980000000003</v>
      </c>
      <c r="Y214" s="59">
        <v>436.79738000000003</v>
      </c>
      <c r="Z214" s="51">
        <v>162.10407999999995</v>
      </c>
      <c r="AA214" s="102">
        <v>274.69330000000008</v>
      </c>
    </row>
    <row r="215" spans="1:27" s="12" customFormat="1" ht="11.25" x14ac:dyDescent="0.25">
      <c r="A215" s="157">
        <v>58</v>
      </c>
      <c r="B215" s="160" t="s">
        <v>100</v>
      </c>
      <c r="C215" s="5" t="s">
        <v>44</v>
      </c>
      <c r="D215" s="14">
        <v>428.05</v>
      </c>
      <c r="E215" s="30">
        <v>373.63</v>
      </c>
      <c r="F215" s="31">
        <v>54.420000000000009</v>
      </c>
      <c r="G215" s="9">
        <v>303.5</v>
      </c>
      <c r="H215" s="16">
        <v>268.63</v>
      </c>
      <c r="I215" s="42">
        <v>34.870000000000005</v>
      </c>
      <c r="J215" s="9">
        <v>9</v>
      </c>
      <c r="K215" s="16">
        <v>9</v>
      </c>
      <c r="L215" s="42">
        <v>0</v>
      </c>
      <c r="M215" s="9">
        <v>84.820000000000007</v>
      </c>
      <c r="N215" s="16">
        <v>72</v>
      </c>
      <c r="O215" s="17">
        <v>12.819999999999999</v>
      </c>
      <c r="P215" s="9">
        <v>9.42</v>
      </c>
      <c r="Q215" s="16">
        <v>7</v>
      </c>
      <c r="R215" s="17">
        <v>2.42</v>
      </c>
      <c r="S215" s="9">
        <v>18.309999999999999</v>
      </c>
      <c r="T215" s="16">
        <v>14</v>
      </c>
      <c r="U215" s="17">
        <v>4.3099999999999996</v>
      </c>
      <c r="V215" s="9">
        <v>1</v>
      </c>
      <c r="W215" s="16">
        <v>1</v>
      </c>
      <c r="X215" s="17">
        <v>0</v>
      </c>
      <c r="Y215" s="9">
        <v>2</v>
      </c>
      <c r="Z215" s="16">
        <v>2</v>
      </c>
      <c r="AA215" s="17">
        <v>0</v>
      </c>
    </row>
    <row r="216" spans="1:27" s="12" customFormat="1" ht="11.25" x14ac:dyDescent="0.25">
      <c r="A216" s="157"/>
      <c r="B216" s="160"/>
      <c r="C216" s="13" t="s">
        <v>63</v>
      </c>
      <c r="D216" s="18">
        <v>31</v>
      </c>
      <c r="E216" s="7">
        <v>31</v>
      </c>
      <c r="F216" s="8">
        <v>0</v>
      </c>
      <c r="G216" s="9">
        <v>21</v>
      </c>
      <c r="H216" s="16">
        <v>21</v>
      </c>
      <c r="I216" s="42">
        <v>0</v>
      </c>
      <c r="J216" s="9">
        <v>2</v>
      </c>
      <c r="K216" s="16">
        <v>2</v>
      </c>
      <c r="L216" s="42">
        <v>0</v>
      </c>
      <c r="M216" s="9">
        <v>3</v>
      </c>
      <c r="N216" s="16">
        <v>3</v>
      </c>
      <c r="O216" s="17">
        <v>0</v>
      </c>
      <c r="P216" s="9">
        <v>0</v>
      </c>
      <c r="Q216" s="16">
        <v>0</v>
      </c>
      <c r="R216" s="17">
        <v>0</v>
      </c>
      <c r="S216" s="9">
        <v>2</v>
      </c>
      <c r="T216" s="16">
        <v>2</v>
      </c>
      <c r="U216" s="17">
        <v>0</v>
      </c>
      <c r="V216" s="9">
        <v>0</v>
      </c>
      <c r="W216" s="16">
        <v>0</v>
      </c>
      <c r="X216" s="17">
        <v>0</v>
      </c>
      <c r="Y216" s="9">
        <v>3</v>
      </c>
      <c r="Z216" s="16">
        <v>3</v>
      </c>
      <c r="AA216" s="17">
        <v>0</v>
      </c>
    </row>
    <row r="217" spans="1:27" s="12" customFormat="1" ht="11.25" x14ac:dyDescent="0.25">
      <c r="A217" s="157"/>
      <c r="B217" s="160"/>
      <c r="C217" s="13" t="s">
        <v>64</v>
      </c>
      <c r="D217" s="18">
        <v>0</v>
      </c>
      <c r="E217" s="7">
        <v>0</v>
      </c>
      <c r="F217" s="8">
        <v>0</v>
      </c>
      <c r="G217" s="9">
        <v>0</v>
      </c>
      <c r="H217" s="16">
        <v>0</v>
      </c>
      <c r="I217" s="42">
        <v>0</v>
      </c>
      <c r="J217" s="9">
        <v>0</v>
      </c>
      <c r="K217" s="16">
        <v>0</v>
      </c>
      <c r="L217" s="42">
        <v>0</v>
      </c>
      <c r="M217" s="9">
        <v>0</v>
      </c>
      <c r="N217" s="16">
        <v>0</v>
      </c>
      <c r="O217" s="17">
        <v>0</v>
      </c>
      <c r="P217" s="9">
        <v>0</v>
      </c>
      <c r="Q217" s="16">
        <v>0</v>
      </c>
      <c r="R217" s="17">
        <v>0</v>
      </c>
      <c r="S217" s="9">
        <v>0</v>
      </c>
      <c r="T217" s="16">
        <v>0</v>
      </c>
      <c r="U217" s="17">
        <v>0</v>
      </c>
      <c r="V217" s="9">
        <v>0</v>
      </c>
      <c r="W217" s="16">
        <v>0</v>
      </c>
      <c r="X217" s="17">
        <v>0</v>
      </c>
      <c r="Y217" s="9">
        <v>0</v>
      </c>
      <c r="Z217" s="16">
        <v>0</v>
      </c>
      <c r="AA217" s="17">
        <v>0</v>
      </c>
    </row>
    <row r="218" spans="1:27" s="12" customFormat="1" ht="12" thickBot="1" x14ac:dyDescent="0.3">
      <c r="A218" s="158"/>
      <c r="B218" s="161"/>
      <c r="C218" s="43" t="s">
        <v>65</v>
      </c>
      <c r="D218" s="44">
        <v>0</v>
      </c>
      <c r="E218" s="7">
        <v>0</v>
      </c>
      <c r="F218" s="8">
        <v>0</v>
      </c>
      <c r="G218" s="9">
        <v>0</v>
      </c>
      <c r="H218" s="45">
        <v>0</v>
      </c>
      <c r="I218" s="47">
        <v>0</v>
      </c>
      <c r="J218" s="9">
        <v>0</v>
      </c>
      <c r="K218" s="45">
        <v>0</v>
      </c>
      <c r="L218" s="47">
        <v>0</v>
      </c>
      <c r="M218" s="9">
        <v>0</v>
      </c>
      <c r="N218" s="45">
        <v>0</v>
      </c>
      <c r="O218" s="46">
        <v>0</v>
      </c>
      <c r="P218" s="9">
        <v>0</v>
      </c>
      <c r="Q218" s="45">
        <v>0</v>
      </c>
      <c r="R218" s="46">
        <v>0</v>
      </c>
      <c r="S218" s="9">
        <v>0</v>
      </c>
      <c r="T218" s="45">
        <v>0</v>
      </c>
      <c r="U218" s="46">
        <v>0</v>
      </c>
      <c r="V218" s="9">
        <v>0</v>
      </c>
      <c r="W218" s="45">
        <v>0</v>
      </c>
      <c r="X218" s="46">
        <v>0</v>
      </c>
      <c r="Y218" s="9">
        <v>0</v>
      </c>
      <c r="Z218" s="45">
        <v>0</v>
      </c>
      <c r="AA218" s="46">
        <v>0</v>
      </c>
    </row>
    <row r="219" spans="1:27" s="12" customFormat="1" ht="11.25" x14ac:dyDescent="0.25">
      <c r="A219" s="150">
        <v>59</v>
      </c>
      <c r="B219" s="153" t="s">
        <v>101</v>
      </c>
      <c r="C219" s="37" t="s">
        <v>44</v>
      </c>
      <c r="D219" s="38">
        <v>378.05</v>
      </c>
      <c r="E219" s="7">
        <v>341.75</v>
      </c>
      <c r="F219" s="8">
        <v>36.299999999999997</v>
      </c>
      <c r="G219" s="9">
        <v>268.18</v>
      </c>
      <c r="H219" s="39">
        <v>237.38</v>
      </c>
      <c r="I219" s="41">
        <v>30.8</v>
      </c>
      <c r="J219" s="9">
        <v>3.25</v>
      </c>
      <c r="K219" s="39">
        <v>3.25</v>
      </c>
      <c r="L219" s="41">
        <v>0</v>
      </c>
      <c r="M219" s="9">
        <v>82.88</v>
      </c>
      <c r="N219" s="39">
        <v>77.38</v>
      </c>
      <c r="O219" s="40">
        <v>5.5</v>
      </c>
      <c r="P219" s="9">
        <v>10.509999999999998</v>
      </c>
      <c r="Q219" s="39">
        <v>10.509999999999998</v>
      </c>
      <c r="R219" s="40">
        <v>0</v>
      </c>
      <c r="S219" s="9">
        <v>9</v>
      </c>
      <c r="T219" s="39">
        <v>9</v>
      </c>
      <c r="U219" s="40">
        <v>0</v>
      </c>
      <c r="V219" s="9">
        <v>3.23</v>
      </c>
      <c r="W219" s="39">
        <v>3.23</v>
      </c>
      <c r="X219" s="40">
        <v>0</v>
      </c>
      <c r="Y219" s="9">
        <v>1</v>
      </c>
      <c r="Z219" s="39">
        <v>1</v>
      </c>
      <c r="AA219" s="40">
        <v>0</v>
      </c>
    </row>
    <row r="220" spans="1:27" s="12" customFormat="1" ht="11.25" x14ac:dyDescent="0.25">
      <c r="A220" s="151"/>
      <c r="B220" s="154"/>
      <c r="C220" s="13" t="s">
        <v>63</v>
      </c>
      <c r="D220" s="18">
        <v>12</v>
      </c>
      <c r="E220" s="7">
        <v>6</v>
      </c>
      <c r="F220" s="8">
        <v>6</v>
      </c>
      <c r="G220" s="9">
        <v>9</v>
      </c>
      <c r="H220" s="16">
        <v>3</v>
      </c>
      <c r="I220" s="42">
        <v>6</v>
      </c>
      <c r="J220" s="9">
        <v>3</v>
      </c>
      <c r="K220" s="16">
        <v>3</v>
      </c>
      <c r="L220" s="42">
        <v>0</v>
      </c>
      <c r="M220" s="9">
        <v>0</v>
      </c>
      <c r="N220" s="16">
        <v>0</v>
      </c>
      <c r="O220" s="17">
        <v>0</v>
      </c>
      <c r="P220" s="9">
        <v>0</v>
      </c>
      <c r="Q220" s="16">
        <v>0</v>
      </c>
      <c r="R220" s="17">
        <v>0</v>
      </c>
      <c r="S220" s="9">
        <v>0</v>
      </c>
      <c r="T220" s="16">
        <v>0</v>
      </c>
      <c r="U220" s="17">
        <v>0</v>
      </c>
      <c r="V220" s="9">
        <v>0</v>
      </c>
      <c r="W220" s="16">
        <v>0</v>
      </c>
      <c r="X220" s="17">
        <v>0</v>
      </c>
      <c r="Y220" s="9">
        <v>0</v>
      </c>
      <c r="Z220" s="16">
        <v>0</v>
      </c>
      <c r="AA220" s="17">
        <v>0</v>
      </c>
    </row>
    <row r="221" spans="1:27" s="12" customFormat="1" ht="11.25" x14ac:dyDescent="0.25">
      <c r="A221" s="151"/>
      <c r="B221" s="154"/>
      <c r="C221" s="13" t="s">
        <v>64</v>
      </c>
      <c r="D221" s="18">
        <v>0</v>
      </c>
      <c r="E221" s="7">
        <v>0</v>
      </c>
      <c r="F221" s="8">
        <v>0</v>
      </c>
      <c r="G221" s="9">
        <v>0</v>
      </c>
      <c r="H221" s="16">
        <v>0</v>
      </c>
      <c r="I221" s="42">
        <v>0</v>
      </c>
      <c r="J221" s="9">
        <v>0</v>
      </c>
      <c r="K221" s="16">
        <v>0</v>
      </c>
      <c r="L221" s="42">
        <v>0</v>
      </c>
      <c r="M221" s="9">
        <v>0</v>
      </c>
      <c r="N221" s="16">
        <v>0</v>
      </c>
      <c r="O221" s="17">
        <v>0</v>
      </c>
      <c r="P221" s="9">
        <v>0</v>
      </c>
      <c r="Q221" s="16">
        <v>0</v>
      </c>
      <c r="R221" s="17">
        <v>0</v>
      </c>
      <c r="S221" s="9">
        <v>0</v>
      </c>
      <c r="T221" s="16">
        <v>0</v>
      </c>
      <c r="U221" s="17">
        <v>0</v>
      </c>
      <c r="V221" s="9">
        <v>0</v>
      </c>
      <c r="W221" s="16">
        <v>0</v>
      </c>
      <c r="X221" s="17">
        <v>0</v>
      </c>
      <c r="Y221" s="9">
        <v>0</v>
      </c>
      <c r="Z221" s="16">
        <v>0</v>
      </c>
      <c r="AA221" s="17">
        <v>0</v>
      </c>
    </row>
    <row r="222" spans="1:27" s="12" customFormat="1" ht="12" thickBot="1" x14ac:dyDescent="0.3">
      <c r="A222" s="152"/>
      <c r="B222" s="155"/>
      <c r="C222" s="43" t="s">
        <v>65</v>
      </c>
      <c r="D222" s="44">
        <v>0</v>
      </c>
      <c r="E222" s="7">
        <v>0</v>
      </c>
      <c r="F222" s="8">
        <v>0</v>
      </c>
      <c r="G222" s="9">
        <v>0</v>
      </c>
      <c r="H222" s="45">
        <v>0</v>
      </c>
      <c r="I222" s="47">
        <v>0</v>
      </c>
      <c r="J222" s="9">
        <v>0</v>
      </c>
      <c r="K222" s="45">
        <v>0</v>
      </c>
      <c r="L222" s="47">
        <v>0</v>
      </c>
      <c r="M222" s="9">
        <v>0</v>
      </c>
      <c r="N222" s="45">
        <v>0</v>
      </c>
      <c r="O222" s="46">
        <v>0</v>
      </c>
      <c r="P222" s="9">
        <v>0</v>
      </c>
      <c r="Q222" s="45">
        <v>0</v>
      </c>
      <c r="R222" s="46">
        <v>0</v>
      </c>
      <c r="S222" s="9">
        <v>0</v>
      </c>
      <c r="T222" s="45">
        <v>0</v>
      </c>
      <c r="U222" s="46">
        <v>0</v>
      </c>
      <c r="V222" s="9">
        <v>0</v>
      </c>
      <c r="W222" s="45">
        <v>0</v>
      </c>
      <c r="X222" s="46">
        <v>0</v>
      </c>
      <c r="Y222" s="9">
        <v>0</v>
      </c>
      <c r="Z222" s="45">
        <v>0</v>
      </c>
      <c r="AA222" s="46">
        <v>0</v>
      </c>
    </row>
    <row r="223" spans="1:27" s="12" customFormat="1" ht="11.25" x14ac:dyDescent="0.25">
      <c r="A223" s="150">
        <v>60</v>
      </c>
      <c r="B223" s="153" t="s">
        <v>102</v>
      </c>
      <c r="C223" s="37" t="s">
        <v>44</v>
      </c>
      <c r="D223" s="38">
        <v>440.09</v>
      </c>
      <c r="E223" s="7">
        <v>421.65</v>
      </c>
      <c r="F223" s="8">
        <v>18.439999999999998</v>
      </c>
      <c r="G223" s="9">
        <v>360.58</v>
      </c>
      <c r="H223" s="39">
        <v>349.39</v>
      </c>
      <c r="I223" s="41">
        <v>11.19</v>
      </c>
      <c r="J223" s="9">
        <v>5.5</v>
      </c>
      <c r="K223" s="39">
        <v>5.5</v>
      </c>
      <c r="L223" s="41">
        <v>0</v>
      </c>
      <c r="M223" s="9">
        <v>71.010000000000005</v>
      </c>
      <c r="N223" s="39">
        <v>64.010000000000005</v>
      </c>
      <c r="O223" s="40">
        <v>7</v>
      </c>
      <c r="P223" s="9">
        <v>2.75</v>
      </c>
      <c r="Q223" s="39">
        <v>2.5</v>
      </c>
      <c r="R223" s="40">
        <v>0.25</v>
      </c>
      <c r="S223" s="9">
        <v>0</v>
      </c>
      <c r="T223" s="39">
        <v>0</v>
      </c>
      <c r="U223" s="40">
        <v>0</v>
      </c>
      <c r="V223" s="9">
        <v>0</v>
      </c>
      <c r="W223" s="39">
        <v>0</v>
      </c>
      <c r="X223" s="40">
        <v>0</v>
      </c>
      <c r="Y223" s="9">
        <v>0.25</v>
      </c>
      <c r="Z223" s="39">
        <v>0.25</v>
      </c>
      <c r="AA223" s="40">
        <v>0</v>
      </c>
    </row>
    <row r="224" spans="1:27" s="12" customFormat="1" ht="11.25" x14ac:dyDescent="0.25">
      <c r="A224" s="151"/>
      <c r="B224" s="154"/>
      <c r="C224" s="13" t="s">
        <v>63</v>
      </c>
      <c r="D224" s="18">
        <v>8</v>
      </c>
      <c r="E224" s="7">
        <v>5</v>
      </c>
      <c r="F224" s="8">
        <v>3</v>
      </c>
      <c r="G224" s="9">
        <v>6</v>
      </c>
      <c r="H224" s="16">
        <v>4</v>
      </c>
      <c r="I224" s="42">
        <v>2</v>
      </c>
      <c r="J224" s="9">
        <v>0</v>
      </c>
      <c r="K224" s="16">
        <v>0</v>
      </c>
      <c r="L224" s="42">
        <v>0</v>
      </c>
      <c r="M224" s="9">
        <v>2</v>
      </c>
      <c r="N224" s="16">
        <v>1</v>
      </c>
      <c r="O224" s="17">
        <v>1</v>
      </c>
      <c r="P224" s="9">
        <v>0</v>
      </c>
      <c r="Q224" s="16">
        <v>0</v>
      </c>
      <c r="R224" s="17">
        <v>0</v>
      </c>
      <c r="S224" s="9">
        <v>0</v>
      </c>
      <c r="T224" s="16">
        <v>0</v>
      </c>
      <c r="U224" s="17">
        <v>0</v>
      </c>
      <c r="V224" s="9">
        <v>0</v>
      </c>
      <c r="W224" s="16">
        <v>0</v>
      </c>
      <c r="X224" s="17">
        <v>0</v>
      </c>
      <c r="Y224" s="9">
        <v>0</v>
      </c>
      <c r="Z224" s="16">
        <v>0</v>
      </c>
      <c r="AA224" s="17">
        <v>0</v>
      </c>
    </row>
    <row r="225" spans="1:27" s="12" customFormat="1" ht="11.25" x14ac:dyDescent="0.25">
      <c r="A225" s="151"/>
      <c r="B225" s="154"/>
      <c r="C225" s="13" t="s">
        <v>64</v>
      </c>
      <c r="D225" s="18">
        <v>0</v>
      </c>
      <c r="E225" s="7">
        <v>0</v>
      </c>
      <c r="F225" s="8">
        <v>0</v>
      </c>
      <c r="G225" s="9">
        <v>0</v>
      </c>
      <c r="H225" s="16">
        <v>0</v>
      </c>
      <c r="I225" s="42">
        <v>0</v>
      </c>
      <c r="J225" s="9">
        <v>0</v>
      </c>
      <c r="K225" s="16">
        <v>0</v>
      </c>
      <c r="L225" s="42">
        <v>0</v>
      </c>
      <c r="M225" s="9">
        <v>0</v>
      </c>
      <c r="N225" s="16">
        <v>0</v>
      </c>
      <c r="O225" s="17">
        <v>0</v>
      </c>
      <c r="P225" s="9">
        <v>0</v>
      </c>
      <c r="Q225" s="16">
        <v>0</v>
      </c>
      <c r="R225" s="17">
        <v>0</v>
      </c>
      <c r="S225" s="9">
        <v>0</v>
      </c>
      <c r="T225" s="16">
        <v>0</v>
      </c>
      <c r="U225" s="17">
        <v>0</v>
      </c>
      <c r="V225" s="9">
        <v>0</v>
      </c>
      <c r="W225" s="16">
        <v>0</v>
      </c>
      <c r="X225" s="17">
        <v>0</v>
      </c>
      <c r="Y225" s="9">
        <v>0</v>
      </c>
      <c r="Z225" s="16">
        <v>0</v>
      </c>
      <c r="AA225" s="17">
        <v>0</v>
      </c>
    </row>
    <row r="226" spans="1:27" s="12" customFormat="1" ht="12" thickBot="1" x14ac:dyDescent="0.3">
      <c r="A226" s="152"/>
      <c r="B226" s="155"/>
      <c r="C226" s="43" t="s">
        <v>65</v>
      </c>
      <c r="D226" s="44">
        <v>0</v>
      </c>
      <c r="E226" s="7">
        <v>0</v>
      </c>
      <c r="F226" s="8">
        <v>0</v>
      </c>
      <c r="G226" s="9">
        <v>0</v>
      </c>
      <c r="H226" s="45">
        <v>0</v>
      </c>
      <c r="I226" s="47">
        <v>0</v>
      </c>
      <c r="J226" s="9">
        <v>0</v>
      </c>
      <c r="K226" s="45">
        <v>0</v>
      </c>
      <c r="L226" s="47">
        <v>0</v>
      </c>
      <c r="M226" s="9">
        <v>0</v>
      </c>
      <c r="N226" s="45">
        <v>0</v>
      </c>
      <c r="O226" s="46">
        <v>0</v>
      </c>
      <c r="P226" s="9">
        <v>0</v>
      </c>
      <c r="Q226" s="45">
        <v>0</v>
      </c>
      <c r="R226" s="46">
        <v>0</v>
      </c>
      <c r="S226" s="9">
        <v>0</v>
      </c>
      <c r="T226" s="45">
        <v>0</v>
      </c>
      <c r="U226" s="46">
        <v>0</v>
      </c>
      <c r="V226" s="9">
        <v>0</v>
      </c>
      <c r="W226" s="45">
        <v>0</v>
      </c>
      <c r="X226" s="46">
        <v>0</v>
      </c>
      <c r="Y226" s="9">
        <v>0</v>
      </c>
      <c r="Z226" s="45">
        <v>0</v>
      </c>
      <c r="AA226" s="46">
        <v>0</v>
      </c>
    </row>
    <row r="227" spans="1:27" s="12" customFormat="1" ht="11.25" x14ac:dyDescent="0.25">
      <c r="A227" s="150">
        <v>61</v>
      </c>
      <c r="B227" s="153" t="s">
        <v>103</v>
      </c>
      <c r="C227" s="37" t="s">
        <v>44</v>
      </c>
      <c r="D227" s="38">
        <v>1465.27122222</v>
      </c>
      <c r="E227" s="7">
        <v>1386.9212222200001</v>
      </c>
      <c r="F227" s="8">
        <v>78.350000000000009</v>
      </c>
      <c r="G227" s="9">
        <v>933.00122222000005</v>
      </c>
      <c r="H227" s="39">
        <v>880.00122222000005</v>
      </c>
      <c r="I227" s="41">
        <v>53</v>
      </c>
      <c r="J227" s="9">
        <v>48.15</v>
      </c>
      <c r="K227" s="39">
        <v>48.15</v>
      </c>
      <c r="L227" s="41">
        <v>0</v>
      </c>
      <c r="M227" s="9">
        <v>432.51</v>
      </c>
      <c r="N227" s="39">
        <v>411.34</v>
      </c>
      <c r="O227" s="40">
        <v>21.17</v>
      </c>
      <c r="P227" s="9">
        <v>31.6</v>
      </c>
      <c r="Q227" s="39">
        <v>29.6</v>
      </c>
      <c r="R227" s="40">
        <v>2</v>
      </c>
      <c r="S227" s="9">
        <v>8.81</v>
      </c>
      <c r="T227" s="39">
        <v>7.63</v>
      </c>
      <c r="U227" s="40">
        <v>1.18</v>
      </c>
      <c r="V227" s="9">
        <v>6.8900000000000006</v>
      </c>
      <c r="W227" s="39">
        <v>6.8900000000000006</v>
      </c>
      <c r="X227" s="40">
        <v>0</v>
      </c>
      <c r="Y227" s="9">
        <v>4.3100000000000005</v>
      </c>
      <c r="Z227" s="39">
        <v>3.31</v>
      </c>
      <c r="AA227" s="40">
        <v>1</v>
      </c>
    </row>
    <row r="228" spans="1:27" s="12" customFormat="1" ht="11.25" x14ac:dyDescent="0.25">
      <c r="A228" s="151"/>
      <c r="B228" s="154"/>
      <c r="C228" s="13" t="s">
        <v>63</v>
      </c>
      <c r="D228" s="18">
        <v>75</v>
      </c>
      <c r="E228" s="7">
        <v>59</v>
      </c>
      <c r="F228" s="8">
        <v>16</v>
      </c>
      <c r="G228" s="9">
        <v>39</v>
      </c>
      <c r="H228" s="16">
        <v>34</v>
      </c>
      <c r="I228" s="42">
        <v>5</v>
      </c>
      <c r="J228" s="9">
        <v>4</v>
      </c>
      <c r="K228" s="16">
        <v>4</v>
      </c>
      <c r="L228" s="42">
        <v>0</v>
      </c>
      <c r="M228" s="9">
        <v>25</v>
      </c>
      <c r="N228" s="16">
        <v>20</v>
      </c>
      <c r="O228" s="17">
        <v>5</v>
      </c>
      <c r="P228" s="9">
        <v>2</v>
      </c>
      <c r="Q228" s="16">
        <v>1</v>
      </c>
      <c r="R228" s="17">
        <v>1</v>
      </c>
      <c r="S228" s="9">
        <v>0</v>
      </c>
      <c r="T228" s="16">
        <v>0</v>
      </c>
      <c r="U228" s="17">
        <v>0</v>
      </c>
      <c r="V228" s="9">
        <v>0</v>
      </c>
      <c r="W228" s="16">
        <v>0</v>
      </c>
      <c r="X228" s="17">
        <v>0</v>
      </c>
      <c r="Y228" s="9">
        <v>5</v>
      </c>
      <c r="Z228" s="16">
        <v>0</v>
      </c>
      <c r="AA228" s="17">
        <v>5</v>
      </c>
    </row>
    <row r="229" spans="1:27" s="12" customFormat="1" ht="11.25" x14ac:dyDescent="0.25">
      <c r="A229" s="151"/>
      <c r="B229" s="154"/>
      <c r="C229" s="13" t="s">
        <v>64</v>
      </c>
      <c r="D229" s="18">
        <v>0</v>
      </c>
      <c r="E229" s="7">
        <v>0</v>
      </c>
      <c r="F229" s="8">
        <v>0</v>
      </c>
      <c r="G229" s="9">
        <v>0</v>
      </c>
      <c r="H229" s="16">
        <v>0</v>
      </c>
      <c r="I229" s="42">
        <v>0</v>
      </c>
      <c r="J229" s="9">
        <v>0</v>
      </c>
      <c r="K229" s="16">
        <v>0</v>
      </c>
      <c r="L229" s="42">
        <v>0</v>
      </c>
      <c r="M229" s="9">
        <v>0</v>
      </c>
      <c r="N229" s="16">
        <v>0</v>
      </c>
      <c r="O229" s="17">
        <v>0</v>
      </c>
      <c r="P229" s="9">
        <v>0</v>
      </c>
      <c r="Q229" s="16">
        <v>0</v>
      </c>
      <c r="R229" s="17">
        <v>0</v>
      </c>
      <c r="S229" s="9">
        <v>0</v>
      </c>
      <c r="T229" s="16">
        <v>0</v>
      </c>
      <c r="U229" s="17">
        <v>0</v>
      </c>
      <c r="V229" s="9">
        <v>0</v>
      </c>
      <c r="W229" s="16">
        <v>0</v>
      </c>
      <c r="X229" s="17">
        <v>0</v>
      </c>
      <c r="Y229" s="9">
        <v>0</v>
      </c>
      <c r="Z229" s="16">
        <v>0</v>
      </c>
      <c r="AA229" s="17">
        <v>0</v>
      </c>
    </row>
    <row r="230" spans="1:27" s="12" customFormat="1" ht="12" thickBot="1" x14ac:dyDescent="0.3">
      <c r="A230" s="152"/>
      <c r="B230" s="155"/>
      <c r="C230" s="43" t="s">
        <v>104</v>
      </c>
      <c r="D230" s="44">
        <v>0</v>
      </c>
      <c r="E230" s="7">
        <v>0</v>
      </c>
      <c r="F230" s="8">
        <v>0</v>
      </c>
      <c r="G230" s="9">
        <v>0</v>
      </c>
      <c r="H230" s="45">
        <v>0</v>
      </c>
      <c r="I230" s="47">
        <v>0</v>
      </c>
      <c r="J230" s="9">
        <v>0</v>
      </c>
      <c r="K230" s="45">
        <v>0</v>
      </c>
      <c r="L230" s="47">
        <v>0</v>
      </c>
      <c r="M230" s="9">
        <v>0</v>
      </c>
      <c r="N230" s="45">
        <v>0</v>
      </c>
      <c r="O230" s="46">
        <v>0</v>
      </c>
      <c r="P230" s="9">
        <v>0</v>
      </c>
      <c r="Q230" s="45">
        <v>0</v>
      </c>
      <c r="R230" s="46">
        <v>0</v>
      </c>
      <c r="S230" s="9">
        <v>0</v>
      </c>
      <c r="T230" s="45">
        <v>0</v>
      </c>
      <c r="U230" s="46">
        <v>0</v>
      </c>
      <c r="V230" s="9">
        <v>0</v>
      </c>
      <c r="W230" s="45">
        <v>0</v>
      </c>
      <c r="X230" s="46">
        <v>0</v>
      </c>
      <c r="Y230" s="9">
        <v>0</v>
      </c>
      <c r="Z230" s="45">
        <v>0</v>
      </c>
      <c r="AA230" s="46">
        <v>0</v>
      </c>
    </row>
    <row r="231" spans="1:27" s="12" customFormat="1" ht="11.25" customHeight="1" x14ac:dyDescent="0.25">
      <c r="A231" s="156">
        <v>62</v>
      </c>
      <c r="B231" s="164" t="s">
        <v>105</v>
      </c>
      <c r="C231" s="55" t="s">
        <v>44</v>
      </c>
      <c r="D231" s="38">
        <v>3668.7358472222213</v>
      </c>
      <c r="E231" s="7">
        <v>3483.8608472222213</v>
      </c>
      <c r="F231" s="8">
        <v>184.87500000000003</v>
      </c>
      <c r="G231" s="9">
        <v>2999.4458472222213</v>
      </c>
      <c r="H231" s="39">
        <v>2868.7058472222216</v>
      </c>
      <c r="I231" s="41">
        <v>130.74</v>
      </c>
      <c r="J231" s="9">
        <v>29.18</v>
      </c>
      <c r="K231" s="39">
        <v>28.18</v>
      </c>
      <c r="L231" s="41">
        <v>1</v>
      </c>
      <c r="M231" s="9">
        <v>542.18500000000006</v>
      </c>
      <c r="N231" s="39">
        <v>496.68999999999994</v>
      </c>
      <c r="O231" s="40">
        <v>45.495000000000005</v>
      </c>
      <c r="P231" s="9">
        <v>57.800000000000004</v>
      </c>
      <c r="Q231" s="39">
        <v>56.080000000000005</v>
      </c>
      <c r="R231" s="40">
        <v>1.7200000000000002</v>
      </c>
      <c r="S231" s="9">
        <v>30.045000000000002</v>
      </c>
      <c r="T231" s="39">
        <v>25.275000000000002</v>
      </c>
      <c r="U231" s="40">
        <v>4.7699999999999996</v>
      </c>
      <c r="V231" s="9">
        <v>3.44</v>
      </c>
      <c r="W231" s="39">
        <v>3.44</v>
      </c>
      <c r="X231" s="40">
        <v>0</v>
      </c>
      <c r="Y231" s="9">
        <v>6.6400000000000006</v>
      </c>
      <c r="Z231" s="39">
        <v>5.49</v>
      </c>
      <c r="AA231" s="40">
        <v>1.1499999999999999</v>
      </c>
    </row>
    <row r="232" spans="1:27" s="12" customFormat="1" ht="12.75" customHeight="1" x14ac:dyDescent="0.25">
      <c r="A232" s="157"/>
      <c r="B232" s="165"/>
      <c r="C232" s="56" t="s">
        <v>63</v>
      </c>
      <c r="D232" s="18">
        <v>192.88</v>
      </c>
      <c r="E232" s="7">
        <v>164.24</v>
      </c>
      <c r="F232" s="8">
        <v>28.639999999999997</v>
      </c>
      <c r="G232" s="9">
        <v>150.83999999999997</v>
      </c>
      <c r="H232" s="16">
        <v>131.26</v>
      </c>
      <c r="I232" s="42">
        <v>19.579999999999998</v>
      </c>
      <c r="J232" s="9">
        <v>7</v>
      </c>
      <c r="K232" s="16">
        <v>7</v>
      </c>
      <c r="L232" s="42">
        <v>0</v>
      </c>
      <c r="M232" s="9">
        <v>31.040000000000003</v>
      </c>
      <c r="N232" s="16">
        <v>22.98</v>
      </c>
      <c r="O232" s="17">
        <v>8.06</v>
      </c>
      <c r="P232" s="9">
        <v>1</v>
      </c>
      <c r="Q232" s="16">
        <v>0</v>
      </c>
      <c r="R232" s="17">
        <v>1</v>
      </c>
      <c r="S232" s="9">
        <v>0</v>
      </c>
      <c r="T232" s="16">
        <v>0</v>
      </c>
      <c r="U232" s="17">
        <v>0</v>
      </c>
      <c r="V232" s="9">
        <v>0</v>
      </c>
      <c r="W232" s="16">
        <v>0</v>
      </c>
      <c r="X232" s="17">
        <v>0</v>
      </c>
      <c r="Y232" s="9">
        <v>3</v>
      </c>
      <c r="Z232" s="16">
        <v>3</v>
      </c>
      <c r="AA232" s="17">
        <v>0</v>
      </c>
    </row>
    <row r="233" spans="1:27" s="12" customFormat="1" ht="13.5" customHeight="1" x14ac:dyDescent="0.25">
      <c r="A233" s="157"/>
      <c r="B233" s="165"/>
      <c r="C233" s="56" t="s">
        <v>64</v>
      </c>
      <c r="D233" s="18">
        <v>0</v>
      </c>
      <c r="E233" s="7">
        <v>0</v>
      </c>
      <c r="F233" s="8">
        <v>0</v>
      </c>
      <c r="G233" s="9">
        <v>0</v>
      </c>
      <c r="H233" s="16">
        <v>0</v>
      </c>
      <c r="I233" s="42">
        <v>0</v>
      </c>
      <c r="J233" s="9">
        <v>0</v>
      </c>
      <c r="K233" s="16">
        <v>0</v>
      </c>
      <c r="L233" s="42">
        <v>0</v>
      </c>
      <c r="M233" s="9">
        <v>0</v>
      </c>
      <c r="N233" s="16">
        <v>0</v>
      </c>
      <c r="O233" s="17">
        <v>0</v>
      </c>
      <c r="P233" s="9">
        <v>0</v>
      </c>
      <c r="Q233" s="16">
        <v>0</v>
      </c>
      <c r="R233" s="17">
        <v>0</v>
      </c>
      <c r="S233" s="9">
        <v>0</v>
      </c>
      <c r="T233" s="16">
        <v>0</v>
      </c>
      <c r="U233" s="17">
        <v>0</v>
      </c>
      <c r="V233" s="9">
        <v>0</v>
      </c>
      <c r="W233" s="16">
        <v>0</v>
      </c>
      <c r="X233" s="17">
        <v>0</v>
      </c>
      <c r="Y233" s="9">
        <v>0</v>
      </c>
      <c r="Z233" s="16">
        <v>0</v>
      </c>
      <c r="AA233" s="17">
        <v>0</v>
      </c>
    </row>
    <row r="234" spans="1:27" s="12" customFormat="1" ht="13.5" customHeight="1" thickBot="1" x14ac:dyDescent="0.3">
      <c r="A234" s="158"/>
      <c r="B234" s="166"/>
      <c r="C234" s="57" t="s">
        <v>65</v>
      </c>
      <c r="D234" s="44">
        <v>0</v>
      </c>
      <c r="E234" s="7">
        <v>0</v>
      </c>
      <c r="F234" s="8">
        <v>0</v>
      </c>
      <c r="G234" s="9">
        <v>0</v>
      </c>
      <c r="H234" s="45">
        <v>0</v>
      </c>
      <c r="I234" s="47">
        <v>0</v>
      </c>
      <c r="J234" s="9">
        <v>0</v>
      </c>
      <c r="K234" s="45">
        <v>0</v>
      </c>
      <c r="L234" s="47">
        <v>0</v>
      </c>
      <c r="M234" s="9">
        <v>0</v>
      </c>
      <c r="N234" s="45">
        <v>0</v>
      </c>
      <c r="O234" s="46">
        <v>0</v>
      </c>
      <c r="P234" s="9">
        <v>0</v>
      </c>
      <c r="Q234" s="45">
        <v>0</v>
      </c>
      <c r="R234" s="46">
        <v>0</v>
      </c>
      <c r="S234" s="9">
        <v>0</v>
      </c>
      <c r="T234" s="45">
        <v>0</v>
      </c>
      <c r="U234" s="46">
        <v>0</v>
      </c>
      <c r="V234" s="9">
        <v>0</v>
      </c>
      <c r="W234" s="45">
        <v>0</v>
      </c>
      <c r="X234" s="46">
        <v>0</v>
      </c>
      <c r="Y234" s="9">
        <v>0</v>
      </c>
      <c r="Z234" s="45">
        <v>0</v>
      </c>
      <c r="AA234" s="46">
        <v>0</v>
      </c>
    </row>
    <row r="235" spans="1:27" s="12" customFormat="1" ht="11.25" x14ac:dyDescent="0.25">
      <c r="A235" s="150">
        <v>63</v>
      </c>
      <c r="B235" s="153" t="s">
        <v>106</v>
      </c>
      <c r="C235" s="37" t="s">
        <v>44</v>
      </c>
      <c r="D235" s="38">
        <v>1167.9212499999999</v>
      </c>
      <c r="E235" s="7">
        <v>1101.7012499999998</v>
      </c>
      <c r="F235" s="8">
        <v>66.22</v>
      </c>
      <c r="G235" s="9">
        <v>867.47249999999997</v>
      </c>
      <c r="H235" s="39">
        <v>826.83249999999998</v>
      </c>
      <c r="I235" s="41">
        <v>40.64</v>
      </c>
      <c r="J235" s="9">
        <v>25.93</v>
      </c>
      <c r="K235" s="39">
        <v>24.93</v>
      </c>
      <c r="L235" s="41">
        <v>1</v>
      </c>
      <c r="M235" s="9">
        <v>260.12874999999997</v>
      </c>
      <c r="N235" s="39">
        <v>239.37875</v>
      </c>
      <c r="O235" s="40">
        <v>20.75</v>
      </c>
      <c r="P235" s="9">
        <v>10.06</v>
      </c>
      <c r="Q235" s="39">
        <v>7.5600000000000005</v>
      </c>
      <c r="R235" s="40">
        <v>2.5</v>
      </c>
      <c r="S235" s="9">
        <v>4.33</v>
      </c>
      <c r="T235" s="39">
        <v>3</v>
      </c>
      <c r="U235" s="40">
        <v>1.33</v>
      </c>
      <c r="V235" s="9">
        <v>0</v>
      </c>
      <c r="W235" s="39">
        <v>0</v>
      </c>
      <c r="X235" s="40">
        <v>0</v>
      </c>
      <c r="Y235" s="9">
        <v>0</v>
      </c>
      <c r="Z235" s="39">
        <v>0</v>
      </c>
      <c r="AA235" s="40">
        <v>0</v>
      </c>
    </row>
    <row r="236" spans="1:27" s="12" customFormat="1" ht="11.25" x14ac:dyDescent="0.25">
      <c r="A236" s="151"/>
      <c r="B236" s="154"/>
      <c r="C236" s="13" t="s">
        <v>63</v>
      </c>
      <c r="D236" s="18">
        <v>66.3</v>
      </c>
      <c r="E236" s="7">
        <v>42.43</v>
      </c>
      <c r="F236" s="8">
        <v>23.87</v>
      </c>
      <c r="G236" s="9">
        <v>56.300000000000004</v>
      </c>
      <c r="H236" s="16">
        <v>37.43</v>
      </c>
      <c r="I236" s="42">
        <v>18.87</v>
      </c>
      <c r="J236" s="9">
        <v>0</v>
      </c>
      <c r="K236" s="16">
        <v>0</v>
      </c>
      <c r="L236" s="42">
        <v>0</v>
      </c>
      <c r="M236" s="9">
        <v>10</v>
      </c>
      <c r="N236" s="16">
        <v>5</v>
      </c>
      <c r="O236" s="17">
        <v>5</v>
      </c>
      <c r="P236" s="9">
        <v>0</v>
      </c>
      <c r="Q236" s="16">
        <v>0</v>
      </c>
      <c r="R236" s="17">
        <v>0</v>
      </c>
      <c r="S236" s="9">
        <v>0</v>
      </c>
      <c r="T236" s="16">
        <v>0</v>
      </c>
      <c r="U236" s="17">
        <v>0</v>
      </c>
      <c r="V236" s="9">
        <v>0</v>
      </c>
      <c r="W236" s="16">
        <v>0</v>
      </c>
      <c r="X236" s="17">
        <v>0</v>
      </c>
      <c r="Y236" s="9">
        <v>0</v>
      </c>
      <c r="Z236" s="16">
        <v>0</v>
      </c>
      <c r="AA236" s="17">
        <v>0</v>
      </c>
    </row>
    <row r="237" spans="1:27" s="12" customFormat="1" ht="11.25" x14ac:dyDescent="0.25">
      <c r="A237" s="151"/>
      <c r="B237" s="154"/>
      <c r="C237" s="13" t="s">
        <v>64</v>
      </c>
      <c r="D237" s="18">
        <v>0</v>
      </c>
      <c r="E237" s="7">
        <v>0</v>
      </c>
      <c r="F237" s="8">
        <v>0</v>
      </c>
      <c r="G237" s="9">
        <v>0</v>
      </c>
      <c r="H237" s="16">
        <v>0</v>
      </c>
      <c r="I237" s="42">
        <v>0</v>
      </c>
      <c r="J237" s="9">
        <v>0</v>
      </c>
      <c r="K237" s="16">
        <v>0</v>
      </c>
      <c r="L237" s="42">
        <v>0</v>
      </c>
      <c r="M237" s="9">
        <v>0</v>
      </c>
      <c r="N237" s="16">
        <v>0</v>
      </c>
      <c r="O237" s="17">
        <v>0</v>
      </c>
      <c r="P237" s="9">
        <v>0</v>
      </c>
      <c r="Q237" s="16">
        <v>0</v>
      </c>
      <c r="R237" s="17">
        <v>0</v>
      </c>
      <c r="S237" s="9">
        <v>0</v>
      </c>
      <c r="T237" s="16">
        <v>0</v>
      </c>
      <c r="U237" s="17">
        <v>0</v>
      </c>
      <c r="V237" s="9">
        <v>0</v>
      </c>
      <c r="W237" s="16">
        <v>0</v>
      </c>
      <c r="X237" s="17">
        <v>0</v>
      </c>
      <c r="Y237" s="9">
        <v>0</v>
      </c>
      <c r="Z237" s="16">
        <v>0</v>
      </c>
      <c r="AA237" s="17">
        <v>0</v>
      </c>
    </row>
    <row r="238" spans="1:27" s="12" customFormat="1" ht="12" thickBot="1" x14ac:dyDescent="0.3">
      <c r="A238" s="152"/>
      <c r="B238" s="155"/>
      <c r="C238" s="43" t="s">
        <v>65</v>
      </c>
      <c r="D238" s="44">
        <v>0</v>
      </c>
      <c r="E238" s="7">
        <v>0</v>
      </c>
      <c r="F238" s="8">
        <v>0</v>
      </c>
      <c r="G238" s="9">
        <v>0</v>
      </c>
      <c r="H238" s="45">
        <v>0</v>
      </c>
      <c r="I238" s="47">
        <v>0</v>
      </c>
      <c r="J238" s="9">
        <v>0</v>
      </c>
      <c r="K238" s="45">
        <v>0</v>
      </c>
      <c r="L238" s="47">
        <v>0</v>
      </c>
      <c r="M238" s="9">
        <v>0</v>
      </c>
      <c r="N238" s="45">
        <v>0</v>
      </c>
      <c r="O238" s="46">
        <v>0</v>
      </c>
      <c r="P238" s="9">
        <v>0</v>
      </c>
      <c r="Q238" s="45">
        <v>0</v>
      </c>
      <c r="R238" s="46">
        <v>0</v>
      </c>
      <c r="S238" s="9">
        <v>0</v>
      </c>
      <c r="T238" s="45">
        <v>0</v>
      </c>
      <c r="U238" s="46">
        <v>0</v>
      </c>
      <c r="V238" s="9">
        <v>0</v>
      </c>
      <c r="W238" s="45">
        <v>0</v>
      </c>
      <c r="X238" s="46">
        <v>0</v>
      </c>
      <c r="Y238" s="9">
        <v>0</v>
      </c>
      <c r="Z238" s="45">
        <v>0</v>
      </c>
      <c r="AA238" s="46">
        <v>0</v>
      </c>
    </row>
    <row r="239" spans="1:27" s="12" customFormat="1" ht="11.25" x14ac:dyDescent="0.25">
      <c r="A239" s="150">
        <v>64</v>
      </c>
      <c r="B239" s="153" t="s">
        <v>153</v>
      </c>
      <c r="C239" s="37" t="s">
        <v>44</v>
      </c>
      <c r="D239" s="38">
        <v>429.41687500000006</v>
      </c>
      <c r="E239" s="7">
        <v>400.55687500000005</v>
      </c>
      <c r="F239" s="8">
        <v>28.86</v>
      </c>
      <c r="G239" s="9">
        <v>384.72687500000006</v>
      </c>
      <c r="H239" s="39">
        <v>359.91687500000006</v>
      </c>
      <c r="I239" s="41">
        <v>24.810000000000002</v>
      </c>
      <c r="J239" s="9">
        <v>3</v>
      </c>
      <c r="K239" s="39">
        <v>3</v>
      </c>
      <c r="L239" s="41">
        <v>0</v>
      </c>
      <c r="M239" s="9">
        <v>37.47999999999999</v>
      </c>
      <c r="N239" s="39">
        <v>35.259999999999991</v>
      </c>
      <c r="O239" s="40">
        <v>2.2200000000000002</v>
      </c>
      <c r="P239" s="9">
        <v>2.21</v>
      </c>
      <c r="Q239" s="39">
        <v>0.38</v>
      </c>
      <c r="R239" s="40">
        <v>1.83</v>
      </c>
      <c r="S239" s="9">
        <v>2</v>
      </c>
      <c r="T239" s="39">
        <v>2</v>
      </c>
      <c r="U239" s="40">
        <v>0</v>
      </c>
      <c r="V239" s="9">
        <v>0</v>
      </c>
      <c r="W239" s="39">
        <v>0</v>
      </c>
      <c r="X239" s="40">
        <v>0</v>
      </c>
      <c r="Y239" s="9">
        <v>0</v>
      </c>
      <c r="Z239" s="39">
        <v>0</v>
      </c>
      <c r="AA239" s="40">
        <v>0</v>
      </c>
    </row>
    <row r="240" spans="1:27" s="12" customFormat="1" ht="11.25" x14ac:dyDescent="0.25">
      <c r="A240" s="151"/>
      <c r="B240" s="154"/>
      <c r="C240" s="13" t="s">
        <v>63</v>
      </c>
      <c r="D240" s="18">
        <v>4</v>
      </c>
      <c r="E240" s="7">
        <v>4</v>
      </c>
      <c r="F240" s="8">
        <v>0</v>
      </c>
      <c r="G240" s="9">
        <v>4</v>
      </c>
      <c r="H240" s="16">
        <v>4</v>
      </c>
      <c r="I240" s="42">
        <v>0</v>
      </c>
      <c r="J240" s="9">
        <v>0</v>
      </c>
      <c r="K240" s="16">
        <v>0</v>
      </c>
      <c r="L240" s="42">
        <v>0</v>
      </c>
      <c r="M240" s="9">
        <v>0</v>
      </c>
      <c r="N240" s="16">
        <v>0</v>
      </c>
      <c r="O240" s="17">
        <v>0</v>
      </c>
      <c r="P240" s="9">
        <v>0</v>
      </c>
      <c r="Q240" s="16">
        <v>0</v>
      </c>
      <c r="R240" s="17">
        <v>0</v>
      </c>
      <c r="S240" s="9">
        <v>0</v>
      </c>
      <c r="T240" s="16">
        <v>0</v>
      </c>
      <c r="U240" s="17">
        <v>0</v>
      </c>
      <c r="V240" s="9">
        <v>0</v>
      </c>
      <c r="W240" s="16">
        <v>0</v>
      </c>
      <c r="X240" s="17">
        <v>0</v>
      </c>
      <c r="Y240" s="9">
        <v>0</v>
      </c>
      <c r="Z240" s="16">
        <v>0</v>
      </c>
      <c r="AA240" s="17">
        <v>0</v>
      </c>
    </row>
    <row r="241" spans="1:27" s="12" customFormat="1" ht="11.25" x14ac:dyDescent="0.25">
      <c r="A241" s="151"/>
      <c r="B241" s="154"/>
      <c r="C241" s="13" t="s">
        <v>64</v>
      </c>
      <c r="D241" s="18">
        <v>0</v>
      </c>
      <c r="E241" s="7">
        <v>0</v>
      </c>
      <c r="F241" s="8">
        <v>0</v>
      </c>
      <c r="G241" s="9">
        <v>0</v>
      </c>
      <c r="H241" s="16">
        <v>0</v>
      </c>
      <c r="I241" s="42">
        <v>0</v>
      </c>
      <c r="J241" s="9">
        <v>0</v>
      </c>
      <c r="K241" s="16">
        <v>0</v>
      </c>
      <c r="L241" s="42">
        <v>0</v>
      </c>
      <c r="M241" s="9">
        <v>0</v>
      </c>
      <c r="N241" s="16">
        <v>0</v>
      </c>
      <c r="O241" s="17">
        <v>0</v>
      </c>
      <c r="P241" s="9">
        <v>0</v>
      </c>
      <c r="Q241" s="16">
        <v>0</v>
      </c>
      <c r="R241" s="17">
        <v>0</v>
      </c>
      <c r="S241" s="9">
        <v>0</v>
      </c>
      <c r="T241" s="16">
        <v>0</v>
      </c>
      <c r="U241" s="17">
        <v>0</v>
      </c>
      <c r="V241" s="9">
        <v>0</v>
      </c>
      <c r="W241" s="16">
        <v>0</v>
      </c>
      <c r="X241" s="17">
        <v>0</v>
      </c>
      <c r="Y241" s="9">
        <v>0</v>
      </c>
      <c r="Z241" s="16">
        <v>0</v>
      </c>
      <c r="AA241" s="17">
        <v>0</v>
      </c>
    </row>
    <row r="242" spans="1:27" s="12" customFormat="1" ht="12" thickBot="1" x14ac:dyDescent="0.3">
      <c r="A242" s="152"/>
      <c r="B242" s="155"/>
      <c r="C242" s="43" t="s">
        <v>65</v>
      </c>
      <c r="D242" s="44">
        <v>0</v>
      </c>
      <c r="E242" s="7">
        <v>0</v>
      </c>
      <c r="F242" s="8">
        <v>0</v>
      </c>
      <c r="G242" s="9">
        <v>0</v>
      </c>
      <c r="H242" s="45">
        <v>0</v>
      </c>
      <c r="I242" s="47">
        <v>0</v>
      </c>
      <c r="J242" s="9">
        <v>0</v>
      </c>
      <c r="K242" s="45">
        <v>0</v>
      </c>
      <c r="L242" s="47">
        <v>0</v>
      </c>
      <c r="M242" s="9">
        <v>0</v>
      </c>
      <c r="N242" s="45">
        <v>0</v>
      </c>
      <c r="O242" s="46">
        <v>0</v>
      </c>
      <c r="P242" s="9">
        <v>0</v>
      </c>
      <c r="Q242" s="45">
        <v>0</v>
      </c>
      <c r="R242" s="46">
        <v>0</v>
      </c>
      <c r="S242" s="9">
        <v>0</v>
      </c>
      <c r="T242" s="45">
        <v>0</v>
      </c>
      <c r="U242" s="46">
        <v>0</v>
      </c>
      <c r="V242" s="9">
        <v>0</v>
      </c>
      <c r="W242" s="45">
        <v>0</v>
      </c>
      <c r="X242" s="46">
        <v>0</v>
      </c>
      <c r="Y242" s="9">
        <v>0</v>
      </c>
      <c r="Z242" s="45">
        <v>0</v>
      </c>
      <c r="AA242" s="46">
        <v>0</v>
      </c>
    </row>
    <row r="243" spans="1:27" s="12" customFormat="1" ht="11.25" x14ac:dyDescent="0.25">
      <c r="A243" s="150">
        <v>65</v>
      </c>
      <c r="B243" s="153" t="s">
        <v>107</v>
      </c>
      <c r="C243" s="37" t="s">
        <v>44</v>
      </c>
      <c r="D243" s="38">
        <v>256.55338888888889</v>
      </c>
      <c r="E243" s="7">
        <v>248.7333888888889</v>
      </c>
      <c r="F243" s="8">
        <v>7.82</v>
      </c>
      <c r="G243" s="9">
        <v>175.73138888888889</v>
      </c>
      <c r="H243" s="39">
        <v>173.09138888888887</v>
      </c>
      <c r="I243" s="41">
        <v>2.6400000000000006</v>
      </c>
      <c r="J243" s="9">
        <v>4.8</v>
      </c>
      <c r="K243" s="39">
        <v>4.8</v>
      </c>
      <c r="L243" s="41">
        <v>0</v>
      </c>
      <c r="M243" s="9">
        <v>58.972000000000001</v>
      </c>
      <c r="N243" s="39">
        <v>54.792000000000002</v>
      </c>
      <c r="O243" s="40">
        <v>4.18</v>
      </c>
      <c r="P243" s="9">
        <v>7.93</v>
      </c>
      <c r="Q243" s="39">
        <v>7.93</v>
      </c>
      <c r="R243" s="40">
        <v>0</v>
      </c>
      <c r="S243" s="9">
        <v>7.1199999999999992</v>
      </c>
      <c r="T243" s="39">
        <v>6.1199999999999992</v>
      </c>
      <c r="U243" s="40">
        <v>1</v>
      </c>
      <c r="V243" s="9">
        <v>1</v>
      </c>
      <c r="W243" s="39">
        <v>1</v>
      </c>
      <c r="X243" s="40">
        <v>0</v>
      </c>
      <c r="Y243" s="9">
        <v>1</v>
      </c>
      <c r="Z243" s="39">
        <v>1</v>
      </c>
      <c r="AA243" s="40">
        <v>0</v>
      </c>
    </row>
    <row r="244" spans="1:27" s="12" customFormat="1" ht="11.25" x14ac:dyDescent="0.25">
      <c r="A244" s="151"/>
      <c r="B244" s="154"/>
      <c r="C244" s="13" t="s">
        <v>63</v>
      </c>
      <c r="D244" s="18">
        <v>10.129999999999999</v>
      </c>
      <c r="E244" s="7">
        <v>9.129999999999999</v>
      </c>
      <c r="F244" s="8">
        <v>1</v>
      </c>
      <c r="G244" s="9">
        <v>7.63</v>
      </c>
      <c r="H244" s="16">
        <v>6.63</v>
      </c>
      <c r="I244" s="42">
        <v>1</v>
      </c>
      <c r="J244" s="9">
        <v>0</v>
      </c>
      <c r="K244" s="16">
        <v>0</v>
      </c>
      <c r="L244" s="42">
        <v>0</v>
      </c>
      <c r="M244" s="9">
        <v>1.75</v>
      </c>
      <c r="N244" s="16">
        <v>1.75</v>
      </c>
      <c r="O244" s="17">
        <v>0</v>
      </c>
      <c r="P244" s="9">
        <v>0.25</v>
      </c>
      <c r="Q244" s="16">
        <v>0.25</v>
      </c>
      <c r="R244" s="17">
        <v>0</v>
      </c>
      <c r="S244" s="9">
        <v>0.5</v>
      </c>
      <c r="T244" s="16">
        <v>0.5</v>
      </c>
      <c r="U244" s="17">
        <v>0</v>
      </c>
      <c r="V244" s="9">
        <v>0</v>
      </c>
      <c r="W244" s="16">
        <v>0</v>
      </c>
      <c r="X244" s="17">
        <v>0</v>
      </c>
      <c r="Y244" s="9">
        <v>0</v>
      </c>
      <c r="Z244" s="16">
        <v>0</v>
      </c>
      <c r="AA244" s="17">
        <v>0</v>
      </c>
    </row>
    <row r="245" spans="1:27" s="12" customFormat="1" ht="11.25" x14ac:dyDescent="0.25">
      <c r="A245" s="151"/>
      <c r="B245" s="154"/>
      <c r="C245" s="13" t="s">
        <v>64</v>
      </c>
      <c r="D245" s="18">
        <v>0</v>
      </c>
      <c r="E245" s="7">
        <v>0</v>
      </c>
      <c r="F245" s="8">
        <v>0</v>
      </c>
      <c r="G245" s="9">
        <v>0</v>
      </c>
      <c r="H245" s="16">
        <v>0</v>
      </c>
      <c r="I245" s="42">
        <v>0</v>
      </c>
      <c r="J245" s="9">
        <v>0</v>
      </c>
      <c r="K245" s="16">
        <v>0</v>
      </c>
      <c r="L245" s="42">
        <v>0</v>
      </c>
      <c r="M245" s="9">
        <v>0</v>
      </c>
      <c r="N245" s="16">
        <v>0</v>
      </c>
      <c r="O245" s="17">
        <v>0</v>
      </c>
      <c r="P245" s="9">
        <v>0</v>
      </c>
      <c r="Q245" s="16">
        <v>0</v>
      </c>
      <c r="R245" s="17">
        <v>0</v>
      </c>
      <c r="S245" s="9">
        <v>0</v>
      </c>
      <c r="T245" s="16">
        <v>0</v>
      </c>
      <c r="U245" s="17">
        <v>0</v>
      </c>
      <c r="V245" s="9">
        <v>0</v>
      </c>
      <c r="W245" s="16">
        <v>0</v>
      </c>
      <c r="X245" s="17">
        <v>0</v>
      </c>
      <c r="Y245" s="9">
        <v>0</v>
      </c>
      <c r="Z245" s="16">
        <v>0</v>
      </c>
      <c r="AA245" s="17">
        <v>0</v>
      </c>
    </row>
    <row r="246" spans="1:27" s="12" customFormat="1" ht="12" thickBot="1" x14ac:dyDescent="0.3">
      <c r="A246" s="152"/>
      <c r="B246" s="155"/>
      <c r="C246" s="43" t="s">
        <v>65</v>
      </c>
      <c r="D246" s="44">
        <v>0</v>
      </c>
      <c r="E246" s="7">
        <v>0</v>
      </c>
      <c r="F246" s="8">
        <v>0</v>
      </c>
      <c r="G246" s="9">
        <v>0</v>
      </c>
      <c r="H246" s="45">
        <v>0</v>
      </c>
      <c r="I246" s="47">
        <v>0</v>
      </c>
      <c r="J246" s="9">
        <v>0</v>
      </c>
      <c r="K246" s="45">
        <v>0</v>
      </c>
      <c r="L246" s="47">
        <v>0</v>
      </c>
      <c r="M246" s="9">
        <v>0</v>
      </c>
      <c r="N246" s="45">
        <v>0</v>
      </c>
      <c r="O246" s="46">
        <v>0</v>
      </c>
      <c r="P246" s="9">
        <v>0</v>
      </c>
      <c r="Q246" s="45">
        <v>0</v>
      </c>
      <c r="R246" s="46">
        <v>0</v>
      </c>
      <c r="S246" s="9">
        <v>0</v>
      </c>
      <c r="T246" s="45">
        <v>0</v>
      </c>
      <c r="U246" s="46">
        <v>0</v>
      </c>
      <c r="V246" s="9">
        <v>0</v>
      </c>
      <c r="W246" s="45">
        <v>0</v>
      </c>
      <c r="X246" s="46">
        <v>0</v>
      </c>
      <c r="Y246" s="9">
        <v>0</v>
      </c>
      <c r="Z246" s="45">
        <v>0</v>
      </c>
      <c r="AA246" s="46">
        <v>0</v>
      </c>
    </row>
    <row r="247" spans="1:27" s="12" customFormat="1" ht="11.25" x14ac:dyDescent="0.25">
      <c r="A247" s="150">
        <v>66</v>
      </c>
      <c r="B247" s="153" t="s">
        <v>108</v>
      </c>
      <c r="C247" s="37" t="s">
        <v>44</v>
      </c>
      <c r="D247" s="38">
        <v>125.96649999999998</v>
      </c>
      <c r="E247" s="7">
        <v>119.78649999999998</v>
      </c>
      <c r="F247" s="8">
        <v>6.1800000000000006</v>
      </c>
      <c r="G247" s="9">
        <v>74.476500000000001</v>
      </c>
      <c r="H247" s="39">
        <v>73.246499999999997</v>
      </c>
      <c r="I247" s="41">
        <v>1.23</v>
      </c>
      <c r="J247" s="9">
        <v>3.45</v>
      </c>
      <c r="K247" s="39">
        <v>3.45</v>
      </c>
      <c r="L247" s="41">
        <v>0</v>
      </c>
      <c r="M247" s="9">
        <v>23.650000000000002</v>
      </c>
      <c r="N247" s="39">
        <v>22.099999999999998</v>
      </c>
      <c r="O247" s="40">
        <v>1.55</v>
      </c>
      <c r="P247" s="9">
        <v>9.11</v>
      </c>
      <c r="Q247" s="39">
        <v>8.76</v>
      </c>
      <c r="R247" s="40">
        <v>0.35</v>
      </c>
      <c r="S247" s="9">
        <v>9.4600000000000009</v>
      </c>
      <c r="T247" s="39">
        <v>7.96</v>
      </c>
      <c r="U247" s="40">
        <v>1.5</v>
      </c>
      <c r="V247" s="9">
        <v>0.75</v>
      </c>
      <c r="W247" s="39">
        <v>0.75</v>
      </c>
      <c r="X247" s="40">
        <v>0</v>
      </c>
      <c r="Y247" s="9">
        <v>5.07</v>
      </c>
      <c r="Z247" s="39">
        <v>3.52</v>
      </c>
      <c r="AA247" s="40">
        <v>1.55</v>
      </c>
    </row>
    <row r="248" spans="1:27" s="12" customFormat="1" ht="11.25" x14ac:dyDescent="0.25">
      <c r="A248" s="151"/>
      <c r="B248" s="154"/>
      <c r="C248" s="13" t="s">
        <v>63</v>
      </c>
      <c r="D248" s="18">
        <v>0</v>
      </c>
      <c r="E248" s="7">
        <v>0</v>
      </c>
      <c r="F248" s="8">
        <v>0</v>
      </c>
      <c r="G248" s="9">
        <v>0</v>
      </c>
      <c r="H248" s="16">
        <v>0</v>
      </c>
      <c r="I248" s="42">
        <v>0</v>
      </c>
      <c r="J248" s="9">
        <v>0</v>
      </c>
      <c r="K248" s="16">
        <v>0</v>
      </c>
      <c r="L248" s="42">
        <v>0</v>
      </c>
      <c r="M248" s="9">
        <v>0</v>
      </c>
      <c r="N248" s="16">
        <v>0</v>
      </c>
      <c r="O248" s="17">
        <v>0</v>
      </c>
      <c r="P248" s="9">
        <v>0</v>
      </c>
      <c r="Q248" s="16">
        <v>0</v>
      </c>
      <c r="R248" s="17">
        <v>0</v>
      </c>
      <c r="S248" s="9">
        <v>0</v>
      </c>
      <c r="T248" s="16">
        <v>0</v>
      </c>
      <c r="U248" s="17">
        <v>0</v>
      </c>
      <c r="V248" s="9">
        <v>0</v>
      </c>
      <c r="W248" s="16">
        <v>0</v>
      </c>
      <c r="X248" s="17">
        <v>0</v>
      </c>
      <c r="Y248" s="9">
        <v>0</v>
      </c>
      <c r="Z248" s="16">
        <v>0</v>
      </c>
      <c r="AA248" s="17">
        <v>0</v>
      </c>
    </row>
    <row r="249" spans="1:27" s="12" customFormat="1" ht="11.25" x14ac:dyDescent="0.25">
      <c r="A249" s="151"/>
      <c r="B249" s="154"/>
      <c r="C249" s="13" t="s">
        <v>64</v>
      </c>
      <c r="D249" s="18">
        <v>0</v>
      </c>
      <c r="E249" s="7">
        <v>0</v>
      </c>
      <c r="F249" s="8">
        <v>0</v>
      </c>
      <c r="G249" s="9">
        <v>0</v>
      </c>
      <c r="H249" s="16">
        <v>0</v>
      </c>
      <c r="I249" s="42">
        <v>0</v>
      </c>
      <c r="J249" s="9">
        <v>0</v>
      </c>
      <c r="K249" s="16">
        <v>0</v>
      </c>
      <c r="L249" s="42">
        <v>0</v>
      </c>
      <c r="M249" s="9">
        <v>0</v>
      </c>
      <c r="N249" s="16">
        <v>0</v>
      </c>
      <c r="O249" s="17">
        <v>0</v>
      </c>
      <c r="P249" s="9">
        <v>0</v>
      </c>
      <c r="Q249" s="16">
        <v>0</v>
      </c>
      <c r="R249" s="17">
        <v>0</v>
      </c>
      <c r="S249" s="9">
        <v>0</v>
      </c>
      <c r="T249" s="16">
        <v>0</v>
      </c>
      <c r="U249" s="17">
        <v>0</v>
      </c>
      <c r="V249" s="9">
        <v>0</v>
      </c>
      <c r="W249" s="16">
        <v>0</v>
      </c>
      <c r="X249" s="17">
        <v>0</v>
      </c>
      <c r="Y249" s="9">
        <v>0</v>
      </c>
      <c r="Z249" s="16">
        <v>0</v>
      </c>
      <c r="AA249" s="17">
        <v>0</v>
      </c>
    </row>
    <row r="250" spans="1:27" s="12" customFormat="1" ht="12" thickBot="1" x14ac:dyDescent="0.3">
      <c r="A250" s="163"/>
      <c r="B250" s="162"/>
      <c r="C250" s="15" t="s">
        <v>65</v>
      </c>
      <c r="D250" s="19">
        <v>1.18</v>
      </c>
      <c r="E250" s="20">
        <v>1.18</v>
      </c>
      <c r="F250" s="21">
        <v>0</v>
      </c>
      <c r="G250" s="22">
        <v>0</v>
      </c>
      <c r="H250" s="23">
        <v>0</v>
      </c>
      <c r="I250" s="58">
        <v>0</v>
      </c>
      <c r="J250" s="22">
        <v>0</v>
      </c>
      <c r="K250" s="23">
        <v>0</v>
      </c>
      <c r="L250" s="58">
        <v>0</v>
      </c>
      <c r="M250" s="22">
        <v>0</v>
      </c>
      <c r="N250" s="23">
        <v>0</v>
      </c>
      <c r="O250" s="24">
        <v>0</v>
      </c>
      <c r="P250" s="22">
        <v>0</v>
      </c>
      <c r="Q250" s="23">
        <v>0</v>
      </c>
      <c r="R250" s="24">
        <v>0</v>
      </c>
      <c r="S250" s="22">
        <v>0</v>
      </c>
      <c r="T250" s="23">
        <v>0</v>
      </c>
      <c r="U250" s="24">
        <v>0</v>
      </c>
      <c r="V250" s="22">
        <v>0</v>
      </c>
      <c r="W250" s="23">
        <v>0</v>
      </c>
      <c r="X250" s="24">
        <v>0</v>
      </c>
      <c r="Y250" s="22">
        <v>1.18</v>
      </c>
      <c r="Z250" s="23">
        <v>1.18</v>
      </c>
      <c r="AA250" s="24">
        <v>0</v>
      </c>
    </row>
    <row r="251" spans="1:27" s="12" customFormat="1" ht="12" thickBot="1" x14ac:dyDescent="0.3">
      <c r="A251" s="170" t="s">
        <v>109</v>
      </c>
      <c r="B251" s="171"/>
      <c r="C251" s="171"/>
      <c r="D251" s="50">
        <v>8760.5450833311115</v>
      </c>
      <c r="E251" s="26">
        <v>8200.5700833311112</v>
      </c>
      <c r="F251" s="26">
        <v>559.97500000000002</v>
      </c>
      <c r="G251" s="27">
        <v>6660.8843333311097</v>
      </c>
      <c r="H251" s="60">
        <v>6278.5143333311098</v>
      </c>
      <c r="I251" s="61">
        <v>382.37</v>
      </c>
      <c r="J251" s="27">
        <v>148.26000000000002</v>
      </c>
      <c r="K251" s="60">
        <v>146.26000000000002</v>
      </c>
      <c r="L251" s="61">
        <v>2</v>
      </c>
      <c r="M251" s="27">
        <v>1666.4257499999999</v>
      </c>
      <c r="N251" s="60">
        <v>1526.68075</v>
      </c>
      <c r="O251" s="62">
        <v>139.745</v>
      </c>
      <c r="P251" s="27">
        <v>144.63999999999999</v>
      </c>
      <c r="Q251" s="60">
        <v>131.57</v>
      </c>
      <c r="R251" s="62">
        <v>13.07</v>
      </c>
      <c r="S251" s="27">
        <v>91.575000000000003</v>
      </c>
      <c r="T251" s="60">
        <v>77.484999999999999</v>
      </c>
      <c r="U251" s="62">
        <v>14.089999999999998</v>
      </c>
      <c r="V251" s="27">
        <v>16.310000000000002</v>
      </c>
      <c r="W251" s="60">
        <v>16.310000000000002</v>
      </c>
      <c r="X251" s="62">
        <v>0</v>
      </c>
      <c r="Y251" s="27">
        <v>32.450000000000003</v>
      </c>
      <c r="Z251" s="60">
        <v>23.75</v>
      </c>
      <c r="AA251" s="63">
        <v>8.7000000000000011</v>
      </c>
    </row>
    <row r="252" spans="1:27" s="12" customFormat="1" ht="11.25" x14ac:dyDescent="0.25">
      <c r="A252" s="172">
        <v>67</v>
      </c>
      <c r="B252" s="173" t="s">
        <v>110</v>
      </c>
      <c r="C252" s="5" t="s">
        <v>44</v>
      </c>
      <c r="D252" s="14">
        <v>1880.7859100000001</v>
      </c>
      <c r="E252" s="30">
        <v>935.27720000000011</v>
      </c>
      <c r="F252" s="31">
        <v>945.50870999999995</v>
      </c>
      <c r="G252" s="9">
        <v>1395.8016988888887</v>
      </c>
      <c r="H252" s="16">
        <v>725.06291111111102</v>
      </c>
      <c r="I252" s="42">
        <v>670.7387877777777</v>
      </c>
      <c r="J252" s="9">
        <v>15.540000000000001</v>
      </c>
      <c r="K252" s="16">
        <v>4.1899999999999995</v>
      </c>
      <c r="L252" s="42">
        <v>11.35</v>
      </c>
      <c r="M252" s="9">
        <v>296.01164444444447</v>
      </c>
      <c r="N252" s="16">
        <v>129.89765555555556</v>
      </c>
      <c r="O252" s="17">
        <v>166.11398888888891</v>
      </c>
      <c r="P252" s="9">
        <v>82.035533333333348</v>
      </c>
      <c r="Q252" s="16">
        <v>46.677755555555564</v>
      </c>
      <c r="R252" s="17">
        <v>35.357777777777784</v>
      </c>
      <c r="S252" s="9">
        <v>68.497133333333323</v>
      </c>
      <c r="T252" s="16">
        <v>22.276677777777774</v>
      </c>
      <c r="U252" s="17">
        <v>46.220455555555553</v>
      </c>
      <c r="V252" s="9">
        <v>3.8200000000000003</v>
      </c>
      <c r="W252" s="16">
        <v>1.55</v>
      </c>
      <c r="X252" s="17">
        <v>2.27</v>
      </c>
      <c r="Y252" s="9">
        <v>19.079900000000002</v>
      </c>
      <c r="Z252" s="16">
        <v>5.6222000000000012</v>
      </c>
      <c r="AA252" s="17">
        <v>13.457700000000001</v>
      </c>
    </row>
    <row r="253" spans="1:27" s="12" customFormat="1" ht="11.25" x14ac:dyDescent="0.25">
      <c r="A253" s="151"/>
      <c r="B253" s="154"/>
      <c r="C253" s="13" t="s">
        <v>63</v>
      </c>
      <c r="D253" s="18">
        <v>114.36179999999996</v>
      </c>
      <c r="E253" s="7">
        <v>50.462799999999987</v>
      </c>
      <c r="F253" s="8">
        <v>63.89899999999998</v>
      </c>
      <c r="G253" s="9">
        <v>70.540900000000008</v>
      </c>
      <c r="H253" s="16">
        <v>29.778200000000002</v>
      </c>
      <c r="I253" s="42">
        <v>40.762699999999995</v>
      </c>
      <c r="J253" s="9">
        <v>2.3600000000000003</v>
      </c>
      <c r="K253" s="16">
        <v>1.69</v>
      </c>
      <c r="L253" s="42">
        <v>0.66999999999999993</v>
      </c>
      <c r="M253" s="9">
        <v>19.770900000000001</v>
      </c>
      <c r="N253" s="16">
        <v>6.97</v>
      </c>
      <c r="O253" s="17">
        <v>12.8009</v>
      </c>
      <c r="P253" s="9">
        <v>3.9811000000000001</v>
      </c>
      <c r="Q253" s="16">
        <v>2.16</v>
      </c>
      <c r="R253" s="17">
        <v>1.8210999999999999</v>
      </c>
      <c r="S253" s="9">
        <v>14.583400000000001</v>
      </c>
      <c r="T253" s="16">
        <v>7.8446000000000007</v>
      </c>
      <c r="U253" s="17">
        <v>6.7388000000000012</v>
      </c>
      <c r="V253" s="9">
        <v>0.11</v>
      </c>
      <c r="W253" s="35">
        <v>0</v>
      </c>
      <c r="X253" s="36">
        <v>0.11</v>
      </c>
      <c r="Y253" s="9">
        <v>3.0155000000000003</v>
      </c>
      <c r="Z253" s="16">
        <v>2.0200000000000005</v>
      </c>
      <c r="AA253" s="17">
        <v>0.99549999999999994</v>
      </c>
    </row>
    <row r="254" spans="1:27" s="12" customFormat="1" ht="11.25" x14ac:dyDescent="0.25">
      <c r="A254" s="151"/>
      <c r="B254" s="154"/>
      <c r="C254" s="13" t="s">
        <v>64</v>
      </c>
      <c r="D254" s="18">
        <v>11.812200000000001</v>
      </c>
      <c r="E254" s="7">
        <v>11.812200000000001</v>
      </c>
      <c r="F254" s="8">
        <v>0</v>
      </c>
      <c r="G254" s="9">
        <v>9.0622000000000007</v>
      </c>
      <c r="H254" s="16">
        <v>9.0622000000000007</v>
      </c>
      <c r="I254" s="42">
        <v>0</v>
      </c>
      <c r="J254" s="9">
        <v>0</v>
      </c>
      <c r="K254" s="16">
        <v>0</v>
      </c>
      <c r="L254" s="42">
        <v>0</v>
      </c>
      <c r="M254" s="9">
        <v>0.77000000000000013</v>
      </c>
      <c r="N254" s="16">
        <v>0.77000000000000013</v>
      </c>
      <c r="O254" s="17">
        <v>0</v>
      </c>
      <c r="P254" s="9">
        <v>1.32</v>
      </c>
      <c r="Q254" s="16">
        <v>1.32</v>
      </c>
      <c r="R254" s="17">
        <v>0</v>
      </c>
      <c r="S254" s="9">
        <v>0.66</v>
      </c>
      <c r="T254" s="16">
        <v>0.66</v>
      </c>
      <c r="U254" s="17">
        <v>0</v>
      </c>
      <c r="V254" s="9">
        <v>0</v>
      </c>
      <c r="W254" s="35">
        <v>0</v>
      </c>
      <c r="X254" s="36">
        <v>0</v>
      </c>
      <c r="Y254" s="9">
        <v>0</v>
      </c>
      <c r="Z254" s="16">
        <v>0</v>
      </c>
      <c r="AA254" s="17">
        <v>0</v>
      </c>
    </row>
    <row r="255" spans="1:27" s="12" customFormat="1" ht="12" thickBot="1" x14ac:dyDescent="0.3">
      <c r="A255" s="152"/>
      <c r="B255" s="155"/>
      <c r="C255" s="43" t="s">
        <v>65</v>
      </c>
      <c r="D255" s="44">
        <v>2.4</v>
      </c>
      <c r="E255" s="7">
        <v>1.55</v>
      </c>
      <c r="F255" s="8">
        <v>0.85</v>
      </c>
      <c r="G255" s="9">
        <v>1.5</v>
      </c>
      <c r="H255" s="45">
        <v>1.22</v>
      </c>
      <c r="I255" s="47">
        <v>0.28000000000000003</v>
      </c>
      <c r="J255" s="9">
        <v>0</v>
      </c>
      <c r="K255" s="45">
        <v>0</v>
      </c>
      <c r="L255" s="47">
        <v>0</v>
      </c>
      <c r="M255" s="9">
        <v>0.29000000000000004</v>
      </c>
      <c r="N255" s="45">
        <v>0</v>
      </c>
      <c r="O255" s="46">
        <v>0.29000000000000004</v>
      </c>
      <c r="P255" s="9">
        <v>0</v>
      </c>
      <c r="Q255" s="45">
        <v>0</v>
      </c>
      <c r="R255" s="46">
        <v>0</v>
      </c>
      <c r="S255" s="9">
        <v>0.5</v>
      </c>
      <c r="T255" s="45">
        <v>0.33</v>
      </c>
      <c r="U255" s="46">
        <v>0.16999999999999998</v>
      </c>
      <c r="V255" s="9">
        <v>0</v>
      </c>
      <c r="W255" s="49">
        <v>0</v>
      </c>
      <c r="X255" s="48">
        <v>0</v>
      </c>
      <c r="Y255" s="9">
        <v>0.11</v>
      </c>
      <c r="Z255" s="45">
        <v>0</v>
      </c>
      <c r="AA255" s="46">
        <v>0.11</v>
      </c>
    </row>
    <row r="256" spans="1:27" s="12" customFormat="1" ht="11.25" x14ac:dyDescent="0.25">
      <c r="A256" s="150">
        <v>68</v>
      </c>
      <c r="B256" s="153" t="s">
        <v>111</v>
      </c>
      <c r="C256" s="37" t="s">
        <v>44</v>
      </c>
      <c r="D256" s="38">
        <v>1936.8452988888889</v>
      </c>
      <c r="E256" s="7">
        <v>1699.9395933333335</v>
      </c>
      <c r="F256" s="8">
        <v>236.90570555555553</v>
      </c>
      <c r="G256" s="9">
        <v>1608.2351877777778</v>
      </c>
      <c r="H256" s="39">
        <v>1428.6684711111111</v>
      </c>
      <c r="I256" s="41">
        <v>179.56671666666662</v>
      </c>
      <c r="J256" s="9">
        <v>7.8000000000000007</v>
      </c>
      <c r="K256" s="39">
        <v>4.1100000000000003</v>
      </c>
      <c r="L256" s="41">
        <v>3.6900000000000004</v>
      </c>
      <c r="M256" s="9">
        <v>228.2493111111111</v>
      </c>
      <c r="N256" s="39">
        <v>190.18484444444442</v>
      </c>
      <c r="O256" s="40">
        <v>38.064466666666668</v>
      </c>
      <c r="P256" s="9">
        <v>72.354900000000001</v>
      </c>
      <c r="Q256" s="39">
        <v>61.833977777777775</v>
      </c>
      <c r="R256" s="40">
        <v>10.520922222222222</v>
      </c>
      <c r="S256" s="9">
        <v>13.093399999999999</v>
      </c>
      <c r="T256" s="39">
        <v>9.9522999999999993</v>
      </c>
      <c r="U256" s="40">
        <v>3.1411000000000002</v>
      </c>
      <c r="V256" s="9">
        <v>3.81</v>
      </c>
      <c r="W256" s="39">
        <v>3.31</v>
      </c>
      <c r="X256" s="40">
        <v>0.5</v>
      </c>
      <c r="Y256" s="9">
        <v>3.3025000000000002</v>
      </c>
      <c r="Z256" s="39">
        <v>1.88</v>
      </c>
      <c r="AA256" s="40">
        <v>1.4225000000000001</v>
      </c>
    </row>
    <row r="257" spans="1:27" s="12" customFormat="1" ht="11.25" x14ac:dyDescent="0.25">
      <c r="A257" s="151"/>
      <c r="B257" s="154"/>
      <c r="C257" s="13" t="s">
        <v>63</v>
      </c>
      <c r="D257" s="18">
        <v>49.352900000000012</v>
      </c>
      <c r="E257" s="7">
        <v>43.865900000000011</v>
      </c>
      <c r="F257" s="8">
        <v>5.4869999999999992</v>
      </c>
      <c r="G257" s="9">
        <v>34.0518</v>
      </c>
      <c r="H257" s="16">
        <v>31.3718</v>
      </c>
      <c r="I257" s="42">
        <v>2.6799999999999997</v>
      </c>
      <c r="J257" s="9">
        <v>0</v>
      </c>
      <c r="K257" s="16">
        <v>0</v>
      </c>
      <c r="L257" s="42">
        <v>0</v>
      </c>
      <c r="M257" s="9">
        <v>6.6599999999999993</v>
      </c>
      <c r="N257" s="16">
        <v>4.8899999999999997</v>
      </c>
      <c r="O257" s="17">
        <v>1.77</v>
      </c>
      <c r="P257" s="9">
        <v>4.3340999999999994</v>
      </c>
      <c r="Q257" s="16">
        <v>3.9540999999999999</v>
      </c>
      <c r="R257" s="17">
        <v>0.38</v>
      </c>
      <c r="S257" s="9">
        <v>2.5</v>
      </c>
      <c r="T257" s="16">
        <v>2.09</v>
      </c>
      <c r="U257" s="17">
        <v>0.41</v>
      </c>
      <c r="V257" s="9">
        <v>0</v>
      </c>
      <c r="W257" s="35">
        <v>0</v>
      </c>
      <c r="X257" s="36">
        <v>0</v>
      </c>
      <c r="Y257" s="9">
        <v>1.8069999999999999</v>
      </c>
      <c r="Z257" s="16">
        <v>1.56</v>
      </c>
      <c r="AA257" s="17">
        <v>0.247</v>
      </c>
    </row>
    <row r="258" spans="1:27" s="12" customFormat="1" ht="11.25" x14ac:dyDescent="0.25">
      <c r="A258" s="151"/>
      <c r="B258" s="154"/>
      <c r="C258" s="13" t="s">
        <v>64</v>
      </c>
      <c r="D258" s="18">
        <v>3.2600000000000002</v>
      </c>
      <c r="E258" s="7">
        <v>3.2600000000000002</v>
      </c>
      <c r="F258" s="8">
        <v>0</v>
      </c>
      <c r="G258" s="9">
        <v>2.4500000000000002</v>
      </c>
      <c r="H258" s="16">
        <v>2.4500000000000002</v>
      </c>
      <c r="I258" s="42">
        <v>0</v>
      </c>
      <c r="J258" s="9">
        <v>0</v>
      </c>
      <c r="K258" s="16">
        <v>0</v>
      </c>
      <c r="L258" s="42">
        <v>0</v>
      </c>
      <c r="M258" s="9">
        <v>0.81</v>
      </c>
      <c r="N258" s="16">
        <v>0.81</v>
      </c>
      <c r="O258" s="17">
        <v>0</v>
      </c>
      <c r="P258" s="9">
        <v>0</v>
      </c>
      <c r="Q258" s="16">
        <v>0</v>
      </c>
      <c r="R258" s="17">
        <v>0</v>
      </c>
      <c r="S258" s="9">
        <v>0</v>
      </c>
      <c r="T258" s="16">
        <v>0</v>
      </c>
      <c r="U258" s="17">
        <v>0</v>
      </c>
      <c r="V258" s="9">
        <v>0</v>
      </c>
      <c r="W258" s="35">
        <v>0</v>
      </c>
      <c r="X258" s="36">
        <v>0</v>
      </c>
      <c r="Y258" s="9">
        <v>0</v>
      </c>
      <c r="Z258" s="16">
        <v>0</v>
      </c>
      <c r="AA258" s="17">
        <v>0</v>
      </c>
    </row>
    <row r="259" spans="1:27" s="12" customFormat="1" ht="19.5" customHeight="1" thickBot="1" x14ac:dyDescent="0.3">
      <c r="A259" s="152"/>
      <c r="B259" s="155"/>
      <c r="C259" s="43" t="s">
        <v>65</v>
      </c>
      <c r="D259" s="44">
        <v>0</v>
      </c>
      <c r="E259" s="7">
        <v>0</v>
      </c>
      <c r="F259" s="8">
        <v>0</v>
      </c>
      <c r="G259" s="9">
        <v>0</v>
      </c>
      <c r="H259" s="45">
        <v>0</v>
      </c>
      <c r="I259" s="47">
        <v>0</v>
      </c>
      <c r="J259" s="9">
        <v>0</v>
      </c>
      <c r="K259" s="45">
        <v>0</v>
      </c>
      <c r="L259" s="47">
        <v>0</v>
      </c>
      <c r="M259" s="9">
        <v>0</v>
      </c>
      <c r="N259" s="45">
        <v>0</v>
      </c>
      <c r="O259" s="46">
        <v>0</v>
      </c>
      <c r="P259" s="9">
        <v>0</v>
      </c>
      <c r="Q259" s="45">
        <v>0</v>
      </c>
      <c r="R259" s="46">
        <v>0</v>
      </c>
      <c r="S259" s="9">
        <v>0</v>
      </c>
      <c r="T259" s="45">
        <v>0</v>
      </c>
      <c r="U259" s="46">
        <v>0</v>
      </c>
      <c r="V259" s="9">
        <v>0</v>
      </c>
      <c r="W259" s="49">
        <v>0</v>
      </c>
      <c r="X259" s="48">
        <v>0</v>
      </c>
      <c r="Y259" s="9">
        <v>0</v>
      </c>
      <c r="Z259" s="45">
        <v>0</v>
      </c>
      <c r="AA259" s="46">
        <v>0</v>
      </c>
    </row>
    <row r="260" spans="1:27" s="12" customFormat="1" ht="11.25" x14ac:dyDescent="0.25">
      <c r="A260" s="150">
        <v>69</v>
      </c>
      <c r="B260" s="153" t="s">
        <v>112</v>
      </c>
      <c r="C260" s="37" t="s">
        <v>44</v>
      </c>
      <c r="D260" s="38">
        <v>659.87276874999998</v>
      </c>
      <c r="E260" s="7">
        <v>597.13276874999997</v>
      </c>
      <c r="F260" s="8">
        <v>62.74</v>
      </c>
      <c r="G260" s="9">
        <v>545.18361319444443</v>
      </c>
      <c r="H260" s="39">
        <v>494.13361319444437</v>
      </c>
      <c r="I260" s="41">
        <v>51.05</v>
      </c>
      <c r="J260" s="9">
        <v>4.88</v>
      </c>
      <c r="K260" s="39">
        <v>3.88</v>
      </c>
      <c r="L260" s="41">
        <v>1</v>
      </c>
      <c r="M260" s="9">
        <v>66.823655555555547</v>
      </c>
      <c r="N260" s="39">
        <v>62.083655555555552</v>
      </c>
      <c r="O260" s="40">
        <v>4.7399999999999993</v>
      </c>
      <c r="P260" s="9">
        <v>34.4255</v>
      </c>
      <c r="Q260" s="39">
        <v>31.205500000000004</v>
      </c>
      <c r="R260" s="40">
        <v>3.2199999999999998</v>
      </c>
      <c r="S260" s="9">
        <v>6.2299999999999995</v>
      </c>
      <c r="T260" s="39">
        <v>5.39</v>
      </c>
      <c r="U260" s="40">
        <v>0.84</v>
      </c>
      <c r="V260" s="9">
        <v>0</v>
      </c>
      <c r="W260" s="39">
        <v>0</v>
      </c>
      <c r="X260" s="40">
        <v>0</v>
      </c>
      <c r="Y260" s="9">
        <v>2.33</v>
      </c>
      <c r="Z260" s="39">
        <v>0.44</v>
      </c>
      <c r="AA260" s="40">
        <v>1.89</v>
      </c>
    </row>
    <row r="261" spans="1:27" s="12" customFormat="1" ht="11.25" x14ac:dyDescent="0.25">
      <c r="A261" s="151"/>
      <c r="B261" s="154"/>
      <c r="C261" s="13" t="s">
        <v>63</v>
      </c>
      <c r="D261" s="18">
        <v>12.620000000000001</v>
      </c>
      <c r="E261" s="7">
        <v>11.48</v>
      </c>
      <c r="F261" s="8">
        <v>1.1399999999999999</v>
      </c>
      <c r="G261" s="9">
        <v>4.18</v>
      </c>
      <c r="H261" s="16">
        <v>3.79</v>
      </c>
      <c r="I261" s="42">
        <v>0.39</v>
      </c>
      <c r="J261" s="9">
        <v>0</v>
      </c>
      <c r="K261" s="16">
        <v>0</v>
      </c>
      <c r="L261" s="42">
        <v>0</v>
      </c>
      <c r="M261" s="9">
        <v>5.57</v>
      </c>
      <c r="N261" s="16">
        <v>4.82</v>
      </c>
      <c r="O261" s="17">
        <v>0.75</v>
      </c>
      <c r="P261" s="9">
        <v>2.12</v>
      </c>
      <c r="Q261" s="16">
        <v>2.12</v>
      </c>
      <c r="R261" s="17">
        <v>0</v>
      </c>
      <c r="S261" s="9">
        <v>0.75</v>
      </c>
      <c r="T261" s="16">
        <v>0.75</v>
      </c>
      <c r="U261" s="17">
        <v>0</v>
      </c>
      <c r="V261" s="9">
        <v>0</v>
      </c>
      <c r="W261" s="35">
        <v>0</v>
      </c>
      <c r="X261" s="36">
        <v>0</v>
      </c>
      <c r="Y261" s="9">
        <v>0</v>
      </c>
      <c r="Z261" s="16">
        <v>0</v>
      </c>
      <c r="AA261" s="17">
        <v>0</v>
      </c>
    </row>
    <row r="262" spans="1:27" s="12" customFormat="1" ht="11.25" x14ac:dyDescent="0.25">
      <c r="A262" s="151"/>
      <c r="B262" s="154"/>
      <c r="C262" s="13" t="s">
        <v>64</v>
      </c>
      <c r="D262" s="18">
        <v>0</v>
      </c>
      <c r="E262" s="7">
        <v>0</v>
      </c>
      <c r="F262" s="8">
        <v>0</v>
      </c>
      <c r="G262" s="9">
        <v>0</v>
      </c>
      <c r="H262" s="16">
        <v>0</v>
      </c>
      <c r="I262" s="42">
        <v>0</v>
      </c>
      <c r="J262" s="9">
        <v>0</v>
      </c>
      <c r="K262" s="16">
        <v>0</v>
      </c>
      <c r="L262" s="42">
        <v>0</v>
      </c>
      <c r="M262" s="9">
        <v>0</v>
      </c>
      <c r="N262" s="16">
        <v>0</v>
      </c>
      <c r="O262" s="17">
        <v>0</v>
      </c>
      <c r="P262" s="9">
        <v>0</v>
      </c>
      <c r="Q262" s="16">
        <v>0</v>
      </c>
      <c r="R262" s="17">
        <v>0</v>
      </c>
      <c r="S262" s="9">
        <v>0</v>
      </c>
      <c r="T262" s="16">
        <v>0</v>
      </c>
      <c r="U262" s="17">
        <v>0</v>
      </c>
      <c r="V262" s="9">
        <v>0</v>
      </c>
      <c r="W262" s="35">
        <v>0</v>
      </c>
      <c r="X262" s="36">
        <v>0</v>
      </c>
      <c r="Y262" s="9">
        <v>0</v>
      </c>
      <c r="Z262" s="16">
        <v>0</v>
      </c>
      <c r="AA262" s="17">
        <v>0</v>
      </c>
    </row>
    <row r="263" spans="1:27" s="12" customFormat="1" ht="12" thickBot="1" x14ac:dyDescent="0.3">
      <c r="A263" s="152"/>
      <c r="B263" s="155"/>
      <c r="C263" s="43" t="s">
        <v>65</v>
      </c>
      <c r="D263" s="44">
        <v>0</v>
      </c>
      <c r="E263" s="7">
        <v>0</v>
      </c>
      <c r="F263" s="8">
        <v>0</v>
      </c>
      <c r="G263" s="9">
        <v>0</v>
      </c>
      <c r="H263" s="45">
        <v>0</v>
      </c>
      <c r="I263" s="47">
        <v>0</v>
      </c>
      <c r="J263" s="9">
        <v>0</v>
      </c>
      <c r="K263" s="45">
        <v>0</v>
      </c>
      <c r="L263" s="47">
        <v>0</v>
      </c>
      <c r="M263" s="9">
        <v>0</v>
      </c>
      <c r="N263" s="45">
        <v>0</v>
      </c>
      <c r="O263" s="46">
        <v>0</v>
      </c>
      <c r="P263" s="9">
        <v>0</v>
      </c>
      <c r="Q263" s="45">
        <v>0</v>
      </c>
      <c r="R263" s="46">
        <v>0</v>
      </c>
      <c r="S263" s="9">
        <v>0</v>
      </c>
      <c r="T263" s="45">
        <v>0</v>
      </c>
      <c r="U263" s="46">
        <v>0</v>
      </c>
      <c r="V263" s="9">
        <v>0</v>
      </c>
      <c r="W263" s="49">
        <v>0</v>
      </c>
      <c r="X263" s="48">
        <v>0</v>
      </c>
      <c r="Y263" s="9">
        <v>0</v>
      </c>
      <c r="Z263" s="45">
        <v>0</v>
      </c>
      <c r="AA263" s="46">
        <v>0</v>
      </c>
    </row>
    <row r="264" spans="1:27" s="12" customFormat="1" ht="11.25" x14ac:dyDescent="0.25">
      <c r="A264" s="150">
        <v>70</v>
      </c>
      <c r="B264" s="153" t="s">
        <v>113</v>
      </c>
      <c r="C264" s="37" t="s">
        <v>44</v>
      </c>
      <c r="D264" s="38">
        <v>427.9492291666669</v>
      </c>
      <c r="E264" s="7">
        <v>405.70922916666689</v>
      </c>
      <c r="F264" s="8">
        <v>22.240000000000002</v>
      </c>
      <c r="G264" s="9">
        <v>353.31427361111116</v>
      </c>
      <c r="H264" s="39">
        <v>333.69427361111121</v>
      </c>
      <c r="I264" s="41">
        <v>19.62</v>
      </c>
      <c r="J264" s="9">
        <v>2.95</v>
      </c>
      <c r="K264" s="39">
        <v>2.4699999999999998</v>
      </c>
      <c r="L264" s="41">
        <v>0.48</v>
      </c>
      <c r="M264" s="9">
        <v>38.281622222222218</v>
      </c>
      <c r="N264" s="39">
        <v>36.921622222222219</v>
      </c>
      <c r="O264" s="40">
        <v>1.36</v>
      </c>
      <c r="P264" s="9">
        <v>27.613333333333333</v>
      </c>
      <c r="Q264" s="39">
        <v>27.363333333333333</v>
      </c>
      <c r="R264" s="40">
        <v>0.25</v>
      </c>
      <c r="S264" s="9">
        <v>4.7500000000000009</v>
      </c>
      <c r="T264" s="39">
        <v>4.2200000000000006</v>
      </c>
      <c r="U264" s="40">
        <v>0.53</v>
      </c>
      <c r="V264" s="9">
        <v>0</v>
      </c>
      <c r="W264" s="39">
        <v>0</v>
      </c>
      <c r="X264" s="40">
        <v>0</v>
      </c>
      <c r="Y264" s="9">
        <v>1.04</v>
      </c>
      <c r="Z264" s="39">
        <v>1.04</v>
      </c>
      <c r="AA264" s="40">
        <v>0</v>
      </c>
    </row>
    <row r="265" spans="1:27" s="12" customFormat="1" ht="11.25" x14ac:dyDescent="0.25">
      <c r="A265" s="151"/>
      <c r="B265" s="154"/>
      <c r="C265" s="13" t="s">
        <v>63</v>
      </c>
      <c r="D265" s="18">
        <v>17.59</v>
      </c>
      <c r="E265" s="7">
        <v>16.68</v>
      </c>
      <c r="F265" s="8">
        <v>0.91</v>
      </c>
      <c r="G265" s="9">
        <v>12.39</v>
      </c>
      <c r="H265" s="16">
        <v>12.14</v>
      </c>
      <c r="I265" s="42">
        <v>0.25</v>
      </c>
      <c r="J265" s="9">
        <v>1.08</v>
      </c>
      <c r="K265" s="16">
        <v>1.08</v>
      </c>
      <c r="L265" s="42">
        <v>0</v>
      </c>
      <c r="M265" s="9">
        <v>2.56</v>
      </c>
      <c r="N265" s="16">
        <v>1.9000000000000001</v>
      </c>
      <c r="O265" s="17">
        <v>0.66</v>
      </c>
      <c r="P265" s="9">
        <v>1.56</v>
      </c>
      <c r="Q265" s="16">
        <v>1.56</v>
      </c>
      <c r="R265" s="17">
        <v>0</v>
      </c>
      <c r="S265" s="9">
        <v>0</v>
      </c>
      <c r="T265" s="16">
        <v>0</v>
      </c>
      <c r="U265" s="17">
        <v>0</v>
      </c>
      <c r="V265" s="9">
        <v>0</v>
      </c>
      <c r="W265" s="35">
        <v>0</v>
      </c>
      <c r="X265" s="36">
        <v>0</v>
      </c>
      <c r="Y265" s="9">
        <v>0</v>
      </c>
      <c r="Z265" s="16">
        <v>0</v>
      </c>
      <c r="AA265" s="17">
        <v>0</v>
      </c>
    </row>
    <row r="266" spans="1:27" s="12" customFormat="1" ht="11.25" x14ac:dyDescent="0.25">
      <c r="A266" s="151"/>
      <c r="B266" s="154"/>
      <c r="C266" s="13" t="s">
        <v>64</v>
      </c>
      <c r="D266" s="18">
        <v>0</v>
      </c>
      <c r="E266" s="7">
        <v>0</v>
      </c>
      <c r="F266" s="8">
        <v>0</v>
      </c>
      <c r="G266" s="9">
        <v>0</v>
      </c>
      <c r="H266" s="16">
        <v>0</v>
      </c>
      <c r="I266" s="42">
        <v>0</v>
      </c>
      <c r="J266" s="9">
        <v>0</v>
      </c>
      <c r="K266" s="16">
        <v>0</v>
      </c>
      <c r="L266" s="42">
        <v>0</v>
      </c>
      <c r="M266" s="9">
        <v>0</v>
      </c>
      <c r="N266" s="16">
        <v>0</v>
      </c>
      <c r="O266" s="17">
        <v>0</v>
      </c>
      <c r="P266" s="9">
        <v>0</v>
      </c>
      <c r="Q266" s="16">
        <v>0</v>
      </c>
      <c r="R266" s="17">
        <v>0</v>
      </c>
      <c r="S266" s="9">
        <v>0</v>
      </c>
      <c r="T266" s="16">
        <v>0</v>
      </c>
      <c r="U266" s="17">
        <v>0</v>
      </c>
      <c r="V266" s="9">
        <v>0</v>
      </c>
      <c r="W266" s="35">
        <v>0</v>
      </c>
      <c r="X266" s="36">
        <v>0</v>
      </c>
      <c r="Y266" s="9">
        <v>0</v>
      </c>
      <c r="Z266" s="16">
        <v>0</v>
      </c>
      <c r="AA266" s="17">
        <v>0</v>
      </c>
    </row>
    <row r="267" spans="1:27" s="12" customFormat="1" ht="12" thickBot="1" x14ac:dyDescent="0.3">
      <c r="A267" s="152"/>
      <c r="B267" s="155"/>
      <c r="C267" s="43" t="s">
        <v>65</v>
      </c>
      <c r="D267" s="44">
        <v>0</v>
      </c>
      <c r="E267" s="7">
        <v>0</v>
      </c>
      <c r="F267" s="8">
        <v>0</v>
      </c>
      <c r="G267" s="9">
        <v>0</v>
      </c>
      <c r="H267" s="45">
        <v>0</v>
      </c>
      <c r="I267" s="47">
        <v>0</v>
      </c>
      <c r="J267" s="9">
        <v>0</v>
      </c>
      <c r="K267" s="45">
        <v>0</v>
      </c>
      <c r="L267" s="47">
        <v>0</v>
      </c>
      <c r="M267" s="9">
        <v>0</v>
      </c>
      <c r="N267" s="45">
        <v>0</v>
      </c>
      <c r="O267" s="46">
        <v>0</v>
      </c>
      <c r="P267" s="9">
        <v>0</v>
      </c>
      <c r="Q267" s="45">
        <v>0</v>
      </c>
      <c r="R267" s="46">
        <v>0</v>
      </c>
      <c r="S267" s="9">
        <v>0</v>
      </c>
      <c r="T267" s="45">
        <v>0</v>
      </c>
      <c r="U267" s="46">
        <v>0</v>
      </c>
      <c r="V267" s="9">
        <v>0</v>
      </c>
      <c r="W267" s="49">
        <v>0</v>
      </c>
      <c r="X267" s="48">
        <v>0</v>
      </c>
      <c r="Y267" s="9">
        <v>0</v>
      </c>
      <c r="Z267" s="45">
        <v>0</v>
      </c>
      <c r="AA267" s="46">
        <v>0</v>
      </c>
    </row>
    <row r="268" spans="1:27" s="12" customFormat="1" ht="11.25" x14ac:dyDescent="0.25">
      <c r="A268" s="156">
        <v>71</v>
      </c>
      <c r="B268" s="159" t="s">
        <v>114</v>
      </c>
      <c r="C268" s="37" t="s">
        <v>44</v>
      </c>
      <c r="D268" s="38">
        <v>289.86551111111106</v>
      </c>
      <c r="E268" s="7">
        <v>230.88551111111104</v>
      </c>
      <c r="F268" s="8">
        <v>58.980000000000011</v>
      </c>
      <c r="G268" s="9">
        <v>223.5761333333333</v>
      </c>
      <c r="H268" s="39">
        <v>183.1761333333333</v>
      </c>
      <c r="I268" s="41">
        <v>40.400000000000006</v>
      </c>
      <c r="J268" s="9">
        <v>2.2537000000000003</v>
      </c>
      <c r="K268" s="39">
        <v>1.4737</v>
      </c>
      <c r="L268" s="41">
        <v>0.78</v>
      </c>
      <c r="M268" s="9">
        <v>39.258777777777773</v>
      </c>
      <c r="N268" s="39">
        <v>26.808777777777781</v>
      </c>
      <c r="O268" s="40">
        <v>12.450000000000001</v>
      </c>
      <c r="P268" s="9">
        <v>10.109</v>
      </c>
      <c r="Q268" s="39">
        <v>7.6390000000000002</v>
      </c>
      <c r="R268" s="40">
        <v>2.4699999999999998</v>
      </c>
      <c r="S268" s="9">
        <v>9.5479000000000003</v>
      </c>
      <c r="T268" s="39">
        <v>8.1179000000000006</v>
      </c>
      <c r="U268" s="40">
        <v>1.4300000000000002</v>
      </c>
      <c r="V268" s="9">
        <v>0.64</v>
      </c>
      <c r="W268" s="39">
        <v>0.64</v>
      </c>
      <c r="X268" s="40">
        <v>0</v>
      </c>
      <c r="Y268" s="9">
        <v>4.4800000000000004</v>
      </c>
      <c r="Z268" s="39">
        <v>3.0300000000000002</v>
      </c>
      <c r="AA268" s="40">
        <v>1.4500000000000002</v>
      </c>
    </row>
    <row r="269" spans="1:27" s="12" customFormat="1" ht="11.25" x14ac:dyDescent="0.25">
      <c r="A269" s="157"/>
      <c r="B269" s="160"/>
      <c r="C269" s="13" t="s">
        <v>63</v>
      </c>
      <c r="D269" s="18">
        <v>8.09</v>
      </c>
      <c r="E269" s="7">
        <v>8.09</v>
      </c>
      <c r="F269" s="8">
        <v>0</v>
      </c>
      <c r="G269" s="9">
        <v>5.61</v>
      </c>
      <c r="H269" s="16">
        <v>5.61</v>
      </c>
      <c r="I269" s="42">
        <v>0</v>
      </c>
      <c r="J269" s="9">
        <v>0.5</v>
      </c>
      <c r="K269" s="16">
        <v>0.5</v>
      </c>
      <c r="L269" s="42">
        <v>0</v>
      </c>
      <c r="M269" s="9">
        <v>0.57000000000000006</v>
      </c>
      <c r="N269" s="16">
        <v>0.57000000000000006</v>
      </c>
      <c r="O269" s="17">
        <v>0</v>
      </c>
      <c r="P269" s="9">
        <v>0.74</v>
      </c>
      <c r="Q269" s="16">
        <v>0.74</v>
      </c>
      <c r="R269" s="17">
        <v>0</v>
      </c>
      <c r="S269" s="9">
        <v>0</v>
      </c>
      <c r="T269" s="16">
        <v>0</v>
      </c>
      <c r="U269" s="17">
        <v>0</v>
      </c>
      <c r="V269" s="9">
        <v>0</v>
      </c>
      <c r="W269" s="35">
        <v>0</v>
      </c>
      <c r="X269" s="36">
        <v>0</v>
      </c>
      <c r="Y269" s="9">
        <v>0.67</v>
      </c>
      <c r="Z269" s="16">
        <v>0.67</v>
      </c>
      <c r="AA269" s="17">
        <v>0</v>
      </c>
    </row>
    <row r="270" spans="1:27" s="12" customFormat="1" ht="11.25" x14ac:dyDescent="0.25">
      <c r="A270" s="157"/>
      <c r="B270" s="160"/>
      <c r="C270" s="13" t="s">
        <v>64</v>
      </c>
      <c r="D270" s="18">
        <v>0</v>
      </c>
      <c r="E270" s="7">
        <v>0</v>
      </c>
      <c r="F270" s="8">
        <v>0</v>
      </c>
      <c r="G270" s="9">
        <v>0</v>
      </c>
      <c r="H270" s="16">
        <v>0</v>
      </c>
      <c r="I270" s="42">
        <v>0</v>
      </c>
      <c r="J270" s="9">
        <v>0</v>
      </c>
      <c r="K270" s="16">
        <v>0</v>
      </c>
      <c r="L270" s="42">
        <v>0</v>
      </c>
      <c r="M270" s="9">
        <v>0</v>
      </c>
      <c r="N270" s="16">
        <v>0</v>
      </c>
      <c r="O270" s="17">
        <v>0</v>
      </c>
      <c r="P270" s="9">
        <v>0</v>
      </c>
      <c r="Q270" s="16">
        <v>0</v>
      </c>
      <c r="R270" s="17">
        <v>0</v>
      </c>
      <c r="S270" s="9">
        <v>0</v>
      </c>
      <c r="T270" s="16">
        <v>0</v>
      </c>
      <c r="U270" s="17">
        <v>0</v>
      </c>
      <c r="V270" s="9">
        <v>0</v>
      </c>
      <c r="W270" s="35">
        <v>0</v>
      </c>
      <c r="X270" s="36">
        <v>0</v>
      </c>
      <c r="Y270" s="9">
        <v>0</v>
      </c>
      <c r="Z270" s="16">
        <v>0</v>
      </c>
      <c r="AA270" s="17">
        <v>0</v>
      </c>
    </row>
    <row r="271" spans="1:27" s="12" customFormat="1" ht="12" thickBot="1" x14ac:dyDescent="0.3">
      <c r="A271" s="158"/>
      <c r="B271" s="161"/>
      <c r="C271" s="43" t="s">
        <v>65</v>
      </c>
      <c r="D271" s="44">
        <v>0</v>
      </c>
      <c r="E271" s="7">
        <v>0</v>
      </c>
      <c r="F271" s="8">
        <v>0</v>
      </c>
      <c r="G271" s="9">
        <v>0</v>
      </c>
      <c r="H271" s="45">
        <v>0</v>
      </c>
      <c r="I271" s="47">
        <v>0</v>
      </c>
      <c r="J271" s="9">
        <v>0</v>
      </c>
      <c r="K271" s="45">
        <v>0</v>
      </c>
      <c r="L271" s="47">
        <v>0</v>
      </c>
      <c r="M271" s="9">
        <v>0</v>
      </c>
      <c r="N271" s="45">
        <v>0</v>
      </c>
      <c r="O271" s="46">
        <v>0</v>
      </c>
      <c r="P271" s="9">
        <v>0</v>
      </c>
      <c r="Q271" s="45">
        <v>0</v>
      </c>
      <c r="R271" s="46">
        <v>0</v>
      </c>
      <c r="S271" s="9">
        <v>0</v>
      </c>
      <c r="T271" s="45">
        <v>0</v>
      </c>
      <c r="U271" s="46">
        <v>0</v>
      </c>
      <c r="V271" s="9">
        <v>0</v>
      </c>
      <c r="W271" s="49">
        <v>0</v>
      </c>
      <c r="X271" s="48">
        <v>0</v>
      </c>
      <c r="Y271" s="9">
        <v>0</v>
      </c>
      <c r="Z271" s="45">
        <v>0</v>
      </c>
      <c r="AA271" s="46">
        <v>0</v>
      </c>
    </row>
    <row r="272" spans="1:27" s="12" customFormat="1" ht="11.25" x14ac:dyDescent="0.25">
      <c r="A272" s="150">
        <v>72</v>
      </c>
      <c r="B272" s="153" t="s">
        <v>115</v>
      </c>
      <c r="C272" s="37" t="s">
        <v>44</v>
      </c>
      <c r="D272" s="38">
        <v>329.06168611111116</v>
      </c>
      <c r="E272" s="7">
        <v>316.07168611111115</v>
      </c>
      <c r="F272" s="8">
        <v>12.989999999999998</v>
      </c>
      <c r="G272" s="9">
        <v>251.44469166666673</v>
      </c>
      <c r="H272" s="39">
        <v>241.34469166666671</v>
      </c>
      <c r="I272" s="41">
        <v>10.1</v>
      </c>
      <c r="J272" s="9">
        <v>0.39</v>
      </c>
      <c r="K272" s="39">
        <v>0.39</v>
      </c>
      <c r="L272" s="41">
        <v>0</v>
      </c>
      <c r="M272" s="9">
        <v>52.370394444444443</v>
      </c>
      <c r="N272" s="39">
        <v>49.880394444444441</v>
      </c>
      <c r="O272" s="40">
        <v>2.4900000000000002</v>
      </c>
      <c r="P272" s="9">
        <v>16.769999999999996</v>
      </c>
      <c r="Q272" s="39">
        <v>16.769999999999996</v>
      </c>
      <c r="R272" s="40">
        <v>0</v>
      </c>
      <c r="S272" s="9">
        <v>8.0866000000000007</v>
      </c>
      <c r="T272" s="39">
        <v>7.6866000000000003</v>
      </c>
      <c r="U272" s="40">
        <v>0.4</v>
      </c>
      <c r="V272" s="9">
        <v>0</v>
      </c>
      <c r="W272" s="39">
        <v>0</v>
      </c>
      <c r="X272" s="40">
        <v>0</v>
      </c>
      <c r="Y272" s="9">
        <v>0</v>
      </c>
      <c r="Z272" s="39">
        <v>0</v>
      </c>
      <c r="AA272" s="40">
        <v>0</v>
      </c>
    </row>
    <row r="273" spans="1:27" s="12" customFormat="1" ht="11.25" x14ac:dyDescent="0.25">
      <c r="A273" s="151"/>
      <c r="B273" s="154"/>
      <c r="C273" s="13" t="s">
        <v>63</v>
      </c>
      <c r="D273" s="18">
        <v>23.380000000000006</v>
      </c>
      <c r="E273" s="7">
        <v>22.960000000000004</v>
      </c>
      <c r="F273" s="8">
        <v>0.42</v>
      </c>
      <c r="G273" s="9">
        <v>12.04</v>
      </c>
      <c r="H273" s="16">
        <v>11.620000000000001</v>
      </c>
      <c r="I273" s="42">
        <v>0.42</v>
      </c>
      <c r="J273" s="9">
        <v>1.39</v>
      </c>
      <c r="K273" s="16">
        <v>1.39</v>
      </c>
      <c r="L273" s="42">
        <v>0</v>
      </c>
      <c r="M273" s="9">
        <v>0.84000000000000008</v>
      </c>
      <c r="N273" s="16">
        <v>0.84000000000000008</v>
      </c>
      <c r="O273" s="17">
        <v>0</v>
      </c>
      <c r="P273" s="9">
        <v>3.01</v>
      </c>
      <c r="Q273" s="16">
        <v>3.01</v>
      </c>
      <c r="R273" s="17">
        <v>0</v>
      </c>
      <c r="S273" s="9">
        <v>3.8</v>
      </c>
      <c r="T273" s="16">
        <v>3.8</v>
      </c>
      <c r="U273" s="17">
        <v>0</v>
      </c>
      <c r="V273" s="9">
        <v>0.41</v>
      </c>
      <c r="W273" s="35">
        <v>0.41</v>
      </c>
      <c r="X273" s="36">
        <v>0</v>
      </c>
      <c r="Y273" s="9">
        <v>1.8900000000000001</v>
      </c>
      <c r="Z273" s="16">
        <v>1.8900000000000001</v>
      </c>
      <c r="AA273" s="17">
        <v>0</v>
      </c>
    </row>
    <row r="274" spans="1:27" s="12" customFormat="1" ht="11.25" x14ac:dyDescent="0.25">
      <c r="A274" s="151"/>
      <c r="B274" s="154"/>
      <c r="C274" s="13" t="s">
        <v>64</v>
      </c>
      <c r="D274" s="18">
        <v>0</v>
      </c>
      <c r="E274" s="7">
        <v>0</v>
      </c>
      <c r="F274" s="8">
        <v>0</v>
      </c>
      <c r="G274" s="9">
        <v>0</v>
      </c>
      <c r="H274" s="16">
        <v>0</v>
      </c>
      <c r="I274" s="42">
        <v>0</v>
      </c>
      <c r="J274" s="9">
        <v>0</v>
      </c>
      <c r="K274" s="16">
        <v>0</v>
      </c>
      <c r="L274" s="42">
        <v>0</v>
      </c>
      <c r="M274" s="9">
        <v>0</v>
      </c>
      <c r="N274" s="16">
        <v>0</v>
      </c>
      <c r="O274" s="17">
        <v>0</v>
      </c>
      <c r="P274" s="9">
        <v>0</v>
      </c>
      <c r="Q274" s="16">
        <v>0</v>
      </c>
      <c r="R274" s="17">
        <v>0</v>
      </c>
      <c r="S274" s="9">
        <v>0</v>
      </c>
      <c r="T274" s="16">
        <v>0</v>
      </c>
      <c r="U274" s="17">
        <v>0</v>
      </c>
      <c r="V274" s="9">
        <v>0</v>
      </c>
      <c r="W274" s="35">
        <v>0</v>
      </c>
      <c r="X274" s="36">
        <v>0</v>
      </c>
      <c r="Y274" s="9">
        <v>0</v>
      </c>
      <c r="Z274" s="16">
        <v>0</v>
      </c>
      <c r="AA274" s="17">
        <v>0</v>
      </c>
    </row>
    <row r="275" spans="1:27" s="12" customFormat="1" ht="12" thickBot="1" x14ac:dyDescent="0.3">
      <c r="A275" s="152"/>
      <c r="B275" s="155"/>
      <c r="C275" s="43" t="s">
        <v>65</v>
      </c>
      <c r="D275" s="44">
        <v>0</v>
      </c>
      <c r="E275" s="7">
        <v>0</v>
      </c>
      <c r="F275" s="8">
        <v>0</v>
      </c>
      <c r="G275" s="9">
        <v>0</v>
      </c>
      <c r="H275" s="45">
        <v>0</v>
      </c>
      <c r="I275" s="47">
        <v>0</v>
      </c>
      <c r="J275" s="9">
        <v>0</v>
      </c>
      <c r="K275" s="45">
        <v>0</v>
      </c>
      <c r="L275" s="47">
        <v>0</v>
      </c>
      <c r="M275" s="9">
        <v>0</v>
      </c>
      <c r="N275" s="45">
        <v>0</v>
      </c>
      <c r="O275" s="46">
        <v>0</v>
      </c>
      <c r="P275" s="9">
        <v>0</v>
      </c>
      <c r="Q275" s="45">
        <v>0</v>
      </c>
      <c r="R275" s="46">
        <v>0</v>
      </c>
      <c r="S275" s="9">
        <v>0</v>
      </c>
      <c r="T275" s="45">
        <v>0</v>
      </c>
      <c r="U275" s="46">
        <v>0</v>
      </c>
      <c r="V275" s="9">
        <v>0</v>
      </c>
      <c r="W275" s="49">
        <v>0</v>
      </c>
      <c r="X275" s="48">
        <v>0</v>
      </c>
      <c r="Y275" s="9">
        <v>0</v>
      </c>
      <c r="Z275" s="45">
        <v>0</v>
      </c>
      <c r="AA275" s="46">
        <v>0</v>
      </c>
    </row>
    <row r="276" spans="1:27" s="12" customFormat="1" ht="11.25" x14ac:dyDescent="0.25">
      <c r="A276" s="150">
        <v>73</v>
      </c>
      <c r="B276" s="153" t="s">
        <v>116</v>
      </c>
      <c r="C276" s="37" t="s">
        <v>44</v>
      </c>
      <c r="D276" s="38">
        <v>110.98012222222223</v>
      </c>
      <c r="E276" s="7">
        <v>110.98012222222223</v>
      </c>
      <c r="F276" s="8">
        <v>0</v>
      </c>
      <c r="G276" s="9">
        <v>81.127438888888889</v>
      </c>
      <c r="H276" s="39">
        <v>81.127438888888889</v>
      </c>
      <c r="I276" s="41">
        <v>0</v>
      </c>
      <c r="J276" s="9">
        <v>0</v>
      </c>
      <c r="K276" s="39">
        <v>0</v>
      </c>
      <c r="L276" s="41">
        <v>0</v>
      </c>
      <c r="M276" s="9">
        <v>16.294905555555555</v>
      </c>
      <c r="N276" s="39">
        <v>16.294905555555555</v>
      </c>
      <c r="O276" s="40">
        <v>0</v>
      </c>
      <c r="P276" s="9">
        <v>9.0877777777777791</v>
      </c>
      <c r="Q276" s="39">
        <v>9.0877777777777791</v>
      </c>
      <c r="R276" s="40">
        <v>0</v>
      </c>
      <c r="S276" s="9">
        <v>4.4700000000000006</v>
      </c>
      <c r="T276" s="39">
        <v>4.4700000000000006</v>
      </c>
      <c r="U276" s="40">
        <v>0</v>
      </c>
      <c r="V276" s="9">
        <v>0</v>
      </c>
      <c r="W276" s="39">
        <v>0</v>
      </c>
      <c r="X276" s="40">
        <v>0</v>
      </c>
      <c r="Y276" s="9">
        <v>0</v>
      </c>
      <c r="Z276" s="39">
        <v>0</v>
      </c>
      <c r="AA276" s="40">
        <v>0</v>
      </c>
    </row>
    <row r="277" spans="1:27" s="12" customFormat="1" ht="11.25" x14ac:dyDescent="0.25">
      <c r="A277" s="151"/>
      <c r="B277" s="154"/>
      <c r="C277" s="13" t="s">
        <v>63</v>
      </c>
      <c r="D277" s="18">
        <v>1.73</v>
      </c>
      <c r="E277" s="7">
        <v>1.73</v>
      </c>
      <c r="F277" s="8">
        <v>0</v>
      </c>
      <c r="G277" s="9">
        <v>1.28</v>
      </c>
      <c r="H277" s="16">
        <v>1.28</v>
      </c>
      <c r="I277" s="42">
        <v>0</v>
      </c>
      <c r="J277" s="9">
        <v>0</v>
      </c>
      <c r="K277" s="16">
        <v>0</v>
      </c>
      <c r="L277" s="42">
        <v>0</v>
      </c>
      <c r="M277" s="9">
        <v>0.25</v>
      </c>
      <c r="N277" s="16">
        <v>0.25</v>
      </c>
      <c r="O277" s="17">
        <v>0</v>
      </c>
      <c r="P277" s="9">
        <v>0.2</v>
      </c>
      <c r="Q277" s="16">
        <v>0.2</v>
      </c>
      <c r="R277" s="17">
        <v>0</v>
      </c>
      <c r="S277" s="9">
        <v>0</v>
      </c>
      <c r="T277" s="16">
        <v>0</v>
      </c>
      <c r="U277" s="17">
        <v>0</v>
      </c>
      <c r="V277" s="9">
        <v>0</v>
      </c>
      <c r="W277" s="35">
        <v>0</v>
      </c>
      <c r="X277" s="36">
        <v>0</v>
      </c>
      <c r="Y277" s="9">
        <v>0</v>
      </c>
      <c r="Z277" s="16">
        <v>0</v>
      </c>
      <c r="AA277" s="17">
        <v>0</v>
      </c>
    </row>
    <row r="278" spans="1:27" s="12" customFormat="1" ht="11.25" x14ac:dyDescent="0.25">
      <c r="A278" s="151"/>
      <c r="B278" s="154"/>
      <c r="C278" s="13" t="s">
        <v>64</v>
      </c>
      <c r="D278" s="18">
        <v>0</v>
      </c>
      <c r="E278" s="7">
        <v>0</v>
      </c>
      <c r="F278" s="8">
        <v>0</v>
      </c>
      <c r="G278" s="9">
        <v>0</v>
      </c>
      <c r="H278" s="16">
        <v>0</v>
      </c>
      <c r="I278" s="42">
        <v>0</v>
      </c>
      <c r="J278" s="9">
        <v>0</v>
      </c>
      <c r="K278" s="16">
        <v>0</v>
      </c>
      <c r="L278" s="42">
        <v>0</v>
      </c>
      <c r="M278" s="9">
        <v>0</v>
      </c>
      <c r="N278" s="16">
        <v>0</v>
      </c>
      <c r="O278" s="17">
        <v>0</v>
      </c>
      <c r="P278" s="9">
        <v>0</v>
      </c>
      <c r="Q278" s="16">
        <v>0</v>
      </c>
      <c r="R278" s="17">
        <v>0</v>
      </c>
      <c r="S278" s="9">
        <v>0</v>
      </c>
      <c r="T278" s="16">
        <v>0</v>
      </c>
      <c r="U278" s="17">
        <v>0</v>
      </c>
      <c r="V278" s="9">
        <v>0</v>
      </c>
      <c r="W278" s="35">
        <v>0</v>
      </c>
      <c r="X278" s="36">
        <v>0</v>
      </c>
      <c r="Y278" s="9">
        <v>0</v>
      </c>
      <c r="Z278" s="16">
        <v>0</v>
      </c>
      <c r="AA278" s="17">
        <v>0</v>
      </c>
    </row>
    <row r="279" spans="1:27" s="12" customFormat="1" ht="12" thickBot="1" x14ac:dyDescent="0.3">
      <c r="A279" s="152"/>
      <c r="B279" s="155"/>
      <c r="C279" s="43" t="s">
        <v>65</v>
      </c>
      <c r="D279" s="44">
        <v>0</v>
      </c>
      <c r="E279" s="7">
        <v>0</v>
      </c>
      <c r="F279" s="8">
        <v>0</v>
      </c>
      <c r="G279" s="9">
        <v>0</v>
      </c>
      <c r="H279" s="45">
        <v>0</v>
      </c>
      <c r="I279" s="47">
        <v>0</v>
      </c>
      <c r="J279" s="9">
        <v>0</v>
      </c>
      <c r="K279" s="45">
        <v>0</v>
      </c>
      <c r="L279" s="47">
        <v>0</v>
      </c>
      <c r="M279" s="9">
        <v>0</v>
      </c>
      <c r="N279" s="45">
        <v>0</v>
      </c>
      <c r="O279" s="46">
        <v>0</v>
      </c>
      <c r="P279" s="9">
        <v>0</v>
      </c>
      <c r="Q279" s="45">
        <v>0</v>
      </c>
      <c r="R279" s="46">
        <v>0</v>
      </c>
      <c r="S279" s="9">
        <v>0</v>
      </c>
      <c r="T279" s="45">
        <v>0</v>
      </c>
      <c r="U279" s="46">
        <v>0</v>
      </c>
      <c r="V279" s="9">
        <v>0</v>
      </c>
      <c r="W279" s="49">
        <v>0</v>
      </c>
      <c r="X279" s="48">
        <v>0</v>
      </c>
      <c r="Y279" s="9">
        <v>0</v>
      </c>
      <c r="Z279" s="45">
        <v>0</v>
      </c>
      <c r="AA279" s="46">
        <v>0</v>
      </c>
    </row>
    <row r="280" spans="1:27" s="12" customFormat="1" ht="11.25" x14ac:dyDescent="0.25">
      <c r="A280" s="150">
        <v>74</v>
      </c>
      <c r="B280" s="153" t="s">
        <v>117</v>
      </c>
      <c r="C280" s="37" t="s">
        <v>44</v>
      </c>
      <c r="D280" s="38">
        <v>368.43053125</v>
      </c>
      <c r="E280" s="7">
        <v>324.28608680555556</v>
      </c>
      <c r="F280" s="8">
        <v>44.144444444444446</v>
      </c>
      <c r="G280" s="9">
        <v>292.46143125000003</v>
      </c>
      <c r="H280" s="39">
        <v>266.69254236111112</v>
      </c>
      <c r="I280" s="41">
        <v>25.768888888888888</v>
      </c>
      <c r="J280" s="9">
        <v>2</v>
      </c>
      <c r="K280" s="39">
        <v>1</v>
      </c>
      <c r="L280" s="41">
        <v>1</v>
      </c>
      <c r="M280" s="9">
        <v>59.400211111111105</v>
      </c>
      <c r="N280" s="39">
        <v>46.794655555555551</v>
      </c>
      <c r="O280" s="40">
        <v>12.605555555555556</v>
      </c>
      <c r="P280" s="9">
        <v>9.6788888888888884</v>
      </c>
      <c r="Q280" s="39">
        <v>8.2288888888888891</v>
      </c>
      <c r="R280" s="40">
        <v>1.45</v>
      </c>
      <c r="S280" s="9">
        <v>4.8900000000000006</v>
      </c>
      <c r="T280" s="39">
        <v>1.57</v>
      </c>
      <c r="U280" s="40">
        <v>3.3200000000000003</v>
      </c>
      <c r="V280" s="9">
        <v>0</v>
      </c>
      <c r="W280" s="39">
        <v>0</v>
      </c>
      <c r="X280" s="40">
        <v>0</v>
      </c>
      <c r="Y280" s="9">
        <v>0</v>
      </c>
      <c r="Z280" s="39">
        <v>0</v>
      </c>
      <c r="AA280" s="40">
        <v>0</v>
      </c>
    </row>
    <row r="281" spans="1:27" s="12" customFormat="1" ht="11.25" x14ac:dyDescent="0.25">
      <c r="A281" s="151"/>
      <c r="B281" s="154"/>
      <c r="C281" s="13" t="s">
        <v>63</v>
      </c>
      <c r="D281" s="18">
        <v>8.2899999999999991</v>
      </c>
      <c r="E281" s="7">
        <v>6.87</v>
      </c>
      <c r="F281" s="8">
        <v>1.42</v>
      </c>
      <c r="G281" s="9">
        <v>6.46</v>
      </c>
      <c r="H281" s="16">
        <v>5.26</v>
      </c>
      <c r="I281" s="42">
        <v>1.2</v>
      </c>
      <c r="J281" s="9">
        <v>0</v>
      </c>
      <c r="K281" s="16">
        <v>0</v>
      </c>
      <c r="L281" s="42">
        <v>0</v>
      </c>
      <c r="M281" s="9">
        <v>1.83</v>
      </c>
      <c r="N281" s="16">
        <v>1.61</v>
      </c>
      <c r="O281" s="17">
        <v>0.22</v>
      </c>
      <c r="P281" s="9">
        <v>0</v>
      </c>
      <c r="Q281" s="16">
        <v>0</v>
      </c>
      <c r="R281" s="17">
        <v>0</v>
      </c>
      <c r="S281" s="9">
        <v>0</v>
      </c>
      <c r="T281" s="16">
        <v>0</v>
      </c>
      <c r="U281" s="17">
        <v>0</v>
      </c>
      <c r="V281" s="9">
        <v>0</v>
      </c>
      <c r="W281" s="35">
        <v>0</v>
      </c>
      <c r="X281" s="36">
        <v>0</v>
      </c>
      <c r="Y281" s="9">
        <v>0</v>
      </c>
      <c r="Z281" s="16">
        <v>0</v>
      </c>
      <c r="AA281" s="17">
        <v>0</v>
      </c>
    </row>
    <row r="282" spans="1:27" s="12" customFormat="1" ht="11.25" x14ac:dyDescent="0.25">
      <c r="A282" s="151"/>
      <c r="B282" s="154"/>
      <c r="C282" s="13" t="s">
        <v>64</v>
      </c>
      <c r="D282" s="18">
        <v>1.51</v>
      </c>
      <c r="E282" s="7">
        <v>1.51</v>
      </c>
      <c r="F282" s="8">
        <v>0</v>
      </c>
      <c r="G282" s="9">
        <v>0.51</v>
      </c>
      <c r="H282" s="16">
        <v>0.51</v>
      </c>
      <c r="I282" s="42">
        <v>0</v>
      </c>
      <c r="J282" s="9">
        <v>0</v>
      </c>
      <c r="K282" s="16">
        <v>0</v>
      </c>
      <c r="L282" s="42">
        <v>0</v>
      </c>
      <c r="M282" s="9">
        <v>1</v>
      </c>
      <c r="N282" s="16">
        <v>1</v>
      </c>
      <c r="O282" s="17">
        <v>0</v>
      </c>
      <c r="P282" s="9">
        <v>0</v>
      </c>
      <c r="Q282" s="16">
        <v>0</v>
      </c>
      <c r="R282" s="17">
        <v>0</v>
      </c>
      <c r="S282" s="9">
        <v>0</v>
      </c>
      <c r="T282" s="16">
        <v>0</v>
      </c>
      <c r="U282" s="17">
        <v>0</v>
      </c>
      <c r="V282" s="9">
        <v>0</v>
      </c>
      <c r="W282" s="35">
        <v>0</v>
      </c>
      <c r="X282" s="36">
        <v>0</v>
      </c>
      <c r="Y282" s="9">
        <v>0</v>
      </c>
      <c r="Z282" s="16">
        <v>0</v>
      </c>
      <c r="AA282" s="17">
        <v>0</v>
      </c>
    </row>
    <row r="283" spans="1:27" s="12" customFormat="1" ht="12" thickBot="1" x14ac:dyDescent="0.3">
      <c r="A283" s="152"/>
      <c r="B283" s="155"/>
      <c r="C283" s="43" t="s">
        <v>65</v>
      </c>
      <c r="D283" s="44">
        <v>0</v>
      </c>
      <c r="E283" s="7">
        <v>0</v>
      </c>
      <c r="F283" s="8">
        <v>0</v>
      </c>
      <c r="G283" s="9">
        <v>0</v>
      </c>
      <c r="H283" s="45">
        <v>0</v>
      </c>
      <c r="I283" s="47">
        <v>0</v>
      </c>
      <c r="J283" s="9">
        <v>0</v>
      </c>
      <c r="K283" s="45">
        <v>0</v>
      </c>
      <c r="L283" s="47">
        <v>0</v>
      </c>
      <c r="M283" s="9">
        <v>0</v>
      </c>
      <c r="N283" s="45">
        <v>0</v>
      </c>
      <c r="O283" s="46">
        <v>0</v>
      </c>
      <c r="P283" s="9">
        <v>0</v>
      </c>
      <c r="Q283" s="45">
        <v>0</v>
      </c>
      <c r="R283" s="46">
        <v>0</v>
      </c>
      <c r="S283" s="9">
        <v>0</v>
      </c>
      <c r="T283" s="45">
        <v>0</v>
      </c>
      <c r="U283" s="46">
        <v>0</v>
      </c>
      <c r="V283" s="9">
        <v>0</v>
      </c>
      <c r="W283" s="49">
        <v>0</v>
      </c>
      <c r="X283" s="48">
        <v>0</v>
      </c>
      <c r="Y283" s="9">
        <v>0</v>
      </c>
      <c r="Z283" s="45">
        <v>0</v>
      </c>
      <c r="AA283" s="46">
        <v>0</v>
      </c>
    </row>
    <row r="284" spans="1:27" s="12" customFormat="1" ht="11.25" x14ac:dyDescent="0.25">
      <c r="A284" s="150">
        <v>75</v>
      </c>
      <c r="B284" s="153" t="s">
        <v>118</v>
      </c>
      <c r="C284" s="37" t="s">
        <v>44</v>
      </c>
      <c r="D284" s="38">
        <v>471.50090555555556</v>
      </c>
      <c r="E284" s="7">
        <v>408.51760555555558</v>
      </c>
      <c r="F284" s="8">
        <v>62.983300000000007</v>
      </c>
      <c r="G284" s="9">
        <v>354.77924444444443</v>
      </c>
      <c r="H284" s="39">
        <v>317.75424444444445</v>
      </c>
      <c r="I284" s="41">
        <v>37.024999999999999</v>
      </c>
      <c r="J284" s="9">
        <v>1.7</v>
      </c>
      <c r="K284" s="39">
        <v>1.7</v>
      </c>
      <c r="L284" s="41">
        <v>0</v>
      </c>
      <c r="M284" s="9">
        <v>81.372188888888886</v>
      </c>
      <c r="N284" s="39">
        <v>63.511788888888887</v>
      </c>
      <c r="O284" s="40">
        <v>17.860399999999998</v>
      </c>
      <c r="P284" s="9">
        <v>19.831572222222221</v>
      </c>
      <c r="Q284" s="39">
        <v>15.971572222222221</v>
      </c>
      <c r="R284" s="40">
        <v>3.8599999999999994</v>
      </c>
      <c r="S284" s="9">
        <v>10.7479</v>
      </c>
      <c r="T284" s="39">
        <v>7.72</v>
      </c>
      <c r="U284" s="40">
        <v>3.0279000000000003</v>
      </c>
      <c r="V284" s="9">
        <v>1.44</v>
      </c>
      <c r="W284" s="39">
        <v>0.4</v>
      </c>
      <c r="X284" s="40">
        <v>1.04</v>
      </c>
      <c r="Y284" s="9">
        <v>1.63</v>
      </c>
      <c r="Z284" s="39">
        <v>1.46</v>
      </c>
      <c r="AA284" s="40">
        <v>0.17</v>
      </c>
    </row>
    <row r="285" spans="1:27" s="12" customFormat="1" ht="11.25" x14ac:dyDescent="0.25">
      <c r="A285" s="151"/>
      <c r="B285" s="154"/>
      <c r="C285" s="13" t="s">
        <v>63</v>
      </c>
      <c r="D285" s="18">
        <v>14.600000000000001</v>
      </c>
      <c r="E285" s="7">
        <v>12.55</v>
      </c>
      <c r="F285" s="8">
        <v>2.0500000000000003</v>
      </c>
      <c r="G285" s="9">
        <v>10.79</v>
      </c>
      <c r="H285" s="16">
        <v>9.86</v>
      </c>
      <c r="I285" s="42">
        <v>0.93</v>
      </c>
      <c r="J285" s="9">
        <v>0</v>
      </c>
      <c r="K285" s="16">
        <v>0</v>
      </c>
      <c r="L285" s="42">
        <v>0</v>
      </c>
      <c r="M285" s="9">
        <v>1.87</v>
      </c>
      <c r="N285" s="16">
        <v>0.74999999999999989</v>
      </c>
      <c r="O285" s="17">
        <v>1.1200000000000001</v>
      </c>
      <c r="P285" s="9">
        <v>0.21</v>
      </c>
      <c r="Q285" s="16">
        <v>0.21</v>
      </c>
      <c r="R285" s="17">
        <v>0</v>
      </c>
      <c r="S285" s="9">
        <v>0.66</v>
      </c>
      <c r="T285" s="16">
        <v>0.66</v>
      </c>
      <c r="U285" s="17">
        <v>0</v>
      </c>
      <c r="V285" s="9">
        <v>0</v>
      </c>
      <c r="W285" s="35">
        <v>0</v>
      </c>
      <c r="X285" s="36">
        <v>0</v>
      </c>
      <c r="Y285" s="9">
        <v>1.07</v>
      </c>
      <c r="Z285" s="16">
        <v>1.07</v>
      </c>
      <c r="AA285" s="17">
        <v>0</v>
      </c>
    </row>
    <row r="286" spans="1:27" s="12" customFormat="1" ht="11.25" x14ac:dyDescent="0.25">
      <c r="A286" s="151"/>
      <c r="B286" s="154"/>
      <c r="C286" s="13" t="s">
        <v>64</v>
      </c>
      <c r="D286" s="18">
        <v>0</v>
      </c>
      <c r="E286" s="7">
        <v>0</v>
      </c>
      <c r="F286" s="8">
        <v>0</v>
      </c>
      <c r="G286" s="9">
        <v>0</v>
      </c>
      <c r="H286" s="16">
        <v>0</v>
      </c>
      <c r="I286" s="42">
        <v>0</v>
      </c>
      <c r="J286" s="9">
        <v>0</v>
      </c>
      <c r="K286" s="16">
        <v>0</v>
      </c>
      <c r="L286" s="42">
        <v>0</v>
      </c>
      <c r="M286" s="9">
        <v>0</v>
      </c>
      <c r="N286" s="16">
        <v>0</v>
      </c>
      <c r="O286" s="17">
        <v>0</v>
      </c>
      <c r="P286" s="9">
        <v>0</v>
      </c>
      <c r="Q286" s="16">
        <v>0</v>
      </c>
      <c r="R286" s="17">
        <v>0</v>
      </c>
      <c r="S286" s="9">
        <v>0</v>
      </c>
      <c r="T286" s="16">
        <v>0</v>
      </c>
      <c r="U286" s="17">
        <v>0</v>
      </c>
      <c r="V286" s="9">
        <v>0</v>
      </c>
      <c r="W286" s="35">
        <v>0</v>
      </c>
      <c r="X286" s="36">
        <v>0</v>
      </c>
      <c r="Y286" s="9">
        <v>0</v>
      </c>
      <c r="Z286" s="16">
        <v>0</v>
      </c>
      <c r="AA286" s="17">
        <v>0</v>
      </c>
    </row>
    <row r="287" spans="1:27" s="12" customFormat="1" ht="12" thickBot="1" x14ac:dyDescent="0.3">
      <c r="A287" s="152"/>
      <c r="B287" s="155"/>
      <c r="C287" s="43" t="s">
        <v>65</v>
      </c>
      <c r="D287" s="44">
        <v>0</v>
      </c>
      <c r="E287" s="7">
        <v>0</v>
      </c>
      <c r="F287" s="8">
        <v>0</v>
      </c>
      <c r="G287" s="9">
        <v>0</v>
      </c>
      <c r="H287" s="45">
        <v>0</v>
      </c>
      <c r="I287" s="47">
        <v>0</v>
      </c>
      <c r="J287" s="9">
        <v>0</v>
      </c>
      <c r="K287" s="45">
        <v>0</v>
      </c>
      <c r="L287" s="47">
        <v>0</v>
      </c>
      <c r="M287" s="9">
        <v>0</v>
      </c>
      <c r="N287" s="45">
        <v>0</v>
      </c>
      <c r="O287" s="46">
        <v>0</v>
      </c>
      <c r="P287" s="9">
        <v>0</v>
      </c>
      <c r="Q287" s="45">
        <v>0</v>
      </c>
      <c r="R287" s="46">
        <v>0</v>
      </c>
      <c r="S287" s="9">
        <v>0</v>
      </c>
      <c r="T287" s="45">
        <v>0</v>
      </c>
      <c r="U287" s="46">
        <v>0</v>
      </c>
      <c r="V287" s="9">
        <v>0</v>
      </c>
      <c r="W287" s="49">
        <v>0</v>
      </c>
      <c r="X287" s="48">
        <v>0</v>
      </c>
      <c r="Y287" s="9">
        <v>0</v>
      </c>
      <c r="Z287" s="45">
        <v>0</v>
      </c>
      <c r="AA287" s="46">
        <v>0</v>
      </c>
    </row>
    <row r="288" spans="1:27" s="12" customFormat="1" ht="11.25" x14ac:dyDescent="0.25">
      <c r="A288" s="150">
        <v>76</v>
      </c>
      <c r="B288" s="153" t="s">
        <v>119</v>
      </c>
      <c r="C288" s="37" t="s">
        <v>44</v>
      </c>
      <c r="D288" s="38">
        <v>362.29822777777781</v>
      </c>
      <c r="E288" s="7">
        <v>212.03961666666666</v>
      </c>
      <c r="F288" s="8">
        <v>150.25861111111112</v>
      </c>
      <c r="G288" s="9">
        <v>252.20243333333332</v>
      </c>
      <c r="H288" s="39">
        <v>158.99326666666667</v>
      </c>
      <c r="I288" s="41">
        <v>93.209166666666675</v>
      </c>
      <c r="J288" s="9">
        <v>0</v>
      </c>
      <c r="K288" s="39">
        <v>0</v>
      </c>
      <c r="L288" s="41">
        <v>0</v>
      </c>
      <c r="M288" s="9">
        <v>80.024222222222221</v>
      </c>
      <c r="N288" s="39">
        <v>39.19811111111111</v>
      </c>
      <c r="O288" s="40">
        <v>40.826111111111111</v>
      </c>
      <c r="P288" s="9">
        <v>17.561572222222225</v>
      </c>
      <c r="Q288" s="39">
        <v>9.3482388888888881</v>
      </c>
      <c r="R288" s="40">
        <v>8.2133333333333347</v>
      </c>
      <c r="S288" s="9">
        <v>10.409999999999998</v>
      </c>
      <c r="T288" s="39">
        <v>4.4999999999999991</v>
      </c>
      <c r="U288" s="40">
        <v>5.9099999999999993</v>
      </c>
      <c r="V288" s="9">
        <v>1</v>
      </c>
      <c r="W288" s="39">
        <v>0</v>
      </c>
      <c r="X288" s="40">
        <v>1</v>
      </c>
      <c r="Y288" s="9">
        <v>1.1000000000000001</v>
      </c>
      <c r="Z288" s="39">
        <v>0</v>
      </c>
      <c r="AA288" s="40">
        <v>1.1000000000000001</v>
      </c>
    </row>
    <row r="289" spans="1:27" s="12" customFormat="1" ht="11.25" x14ac:dyDescent="0.25">
      <c r="A289" s="151"/>
      <c r="B289" s="154"/>
      <c r="C289" s="13" t="s">
        <v>63</v>
      </c>
      <c r="D289" s="18">
        <v>26.198599999999999</v>
      </c>
      <c r="E289" s="7">
        <v>16.4986</v>
      </c>
      <c r="F289" s="8">
        <v>9.7000000000000011</v>
      </c>
      <c r="G289" s="9">
        <v>12.209399999999999</v>
      </c>
      <c r="H289" s="16">
        <v>6.4293999999999993</v>
      </c>
      <c r="I289" s="42">
        <v>5.78</v>
      </c>
      <c r="J289" s="9">
        <v>0.14000000000000001</v>
      </c>
      <c r="K289" s="16">
        <v>0.14000000000000001</v>
      </c>
      <c r="L289" s="42">
        <v>0</v>
      </c>
      <c r="M289" s="9">
        <v>6.2392000000000012</v>
      </c>
      <c r="N289" s="16">
        <v>4.3391999999999999</v>
      </c>
      <c r="O289" s="17">
        <v>1.9000000000000001</v>
      </c>
      <c r="P289" s="9">
        <v>4.68</v>
      </c>
      <c r="Q289" s="16">
        <v>4.07</v>
      </c>
      <c r="R289" s="17">
        <v>0.6100000000000001</v>
      </c>
      <c r="S289" s="9">
        <v>0.85000000000000009</v>
      </c>
      <c r="T289" s="16">
        <v>0.85000000000000009</v>
      </c>
      <c r="U289" s="17">
        <v>0</v>
      </c>
      <c r="V289" s="9">
        <v>2.08</v>
      </c>
      <c r="W289" s="35">
        <v>0.67</v>
      </c>
      <c r="X289" s="36">
        <v>1.41</v>
      </c>
      <c r="Y289" s="9">
        <v>0</v>
      </c>
      <c r="Z289" s="16">
        <v>0</v>
      </c>
      <c r="AA289" s="17">
        <v>0</v>
      </c>
    </row>
    <row r="290" spans="1:27" s="12" customFormat="1" ht="11.25" x14ac:dyDescent="0.25">
      <c r="A290" s="163"/>
      <c r="B290" s="162"/>
      <c r="C290" s="15" t="s">
        <v>64</v>
      </c>
      <c r="D290" s="18">
        <v>0</v>
      </c>
      <c r="E290" s="7">
        <v>0</v>
      </c>
      <c r="F290" s="8">
        <v>0</v>
      </c>
      <c r="G290" s="9">
        <v>0</v>
      </c>
      <c r="H290" s="16">
        <v>0</v>
      </c>
      <c r="I290" s="42">
        <v>0</v>
      </c>
      <c r="J290" s="9">
        <v>0</v>
      </c>
      <c r="K290" s="16">
        <v>0</v>
      </c>
      <c r="L290" s="42">
        <v>0</v>
      </c>
      <c r="M290" s="9">
        <v>0</v>
      </c>
      <c r="N290" s="16">
        <v>0</v>
      </c>
      <c r="O290" s="17">
        <v>0</v>
      </c>
      <c r="P290" s="9">
        <v>0</v>
      </c>
      <c r="Q290" s="16">
        <v>0</v>
      </c>
      <c r="R290" s="17">
        <v>0</v>
      </c>
      <c r="S290" s="9">
        <v>0</v>
      </c>
      <c r="T290" s="16">
        <v>0</v>
      </c>
      <c r="U290" s="17">
        <v>0</v>
      </c>
      <c r="V290" s="9">
        <v>0</v>
      </c>
      <c r="W290" s="35">
        <v>0</v>
      </c>
      <c r="X290" s="36">
        <v>0</v>
      </c>
      <c r="Y290" s="9">
        <v>0</v>
      </c>
      <c r="Z290" s="16">
        <v>0</v>
      </c>
      <c r="AA290" s="17">
        <v>0</v>
      </c>
    </row>
    <row r="291" spans="1:27" s="12" customFormat="1" ht="12" thickBot="1" x14ac:dyDescent="0.3">
      <c r="A291" s="152"/>
      <c r="B291" s="155"/>
      <c r="C291" s="43" t="s">
        <v>65</v>
      </c>
      <c r="D291" s="44">
        <v>0</v>
      </c>
      <c r="E291" s="7">
        <v>0</v>
      </c>
      <c r="F291" s="8">
        <v>0</v>
      </c>
      <c r="G291" s="9">
        <v>0</v>
      </c>
      <c r="H291" s="45">
        <v>0</v>
      </c>
      <c r="I291" s="47">
        <v>0</v>
      </c>
      <c r="J291" s="9">
        <v>0</v>
      </c>
      <c r="K291" s="45">
        <v>0</v>
      </c>
      <c r="L291" s="47">
        <v>0</v>
      </c>
      <c r="M291" s="9">
        <v>0</v>
      </c>
      <c r="N291" s="45">
        <v>0</v>
      </c>
      <c r="O291" s="46">
        <v>0</v>
      </c>
      <c r="P291" s="9">
        <v>0</v>
      </c>
      <c r="Q291" s="45">
        <v>0</v>
      </c>
      <c r="R291" s="46">
        <v>0</v>
      </c>
      <c r="S291" s="9">
        <v>0</v>
      </c>
      <c r="T291" s="45">
        <v>0</v>
      </c>
      <c r="U291" s="46">
        <v>0</v>
      </c>
      <c r="V291" s="9">
        <v>0</v>
      </c>
      <c r="W291" s="49">
        <v>0</v>
      </c>
      <c r="X291" s="48">
        <v>0</v>
      </c>
      <c r="Y291" s="9">
        <v>0</v>
      </c>
      <c r="Z291" s="45">
        <v>0</v>
      </c>
      <c r="AA291" s="46">
        <v>0</v>
      </c>
    </row>
    <row r="292" spans="1:27" s="12" customFormat="1" ht="11.25" x14ac:dyDescent="0.25">
      <c r="A292" s="150">
        <v>77</v>
      </c>
      <c r="B292" s="153" t="s">
        <v>120</v>
      </c>
      <c r="C292" s="64" t="s">
        <v>44</v>
      </c>
      <c r="D292" s="65">
        <v>62.983511111111099</v>
      </c>
      <c r="E292" s="7">
        <v>45.933511111111102</v>
      </c>
      <c r="F292" s="8">
        <v>17.05</v>
      </c>
      <c r="G292" s="9">
        <v>41.423511111111111</v>
      </c>
      <c r="H292" s="39">
        <v>28.283511111111114</v>
      </c>
      <c r="I292" s="41">
        <v>13.14</v>
      </c>
      <c r="J292" s="9">
        <v>0</v>
      </c>
      <c r="K292" s="39">
        <v>0</v>
      </c>
      <c r="L292" s="41">
        <v>0</v>
      </c>
      <c r="M292" s="9">
        <v>15.98</v>
      </c>
      <c r="N292" s="39">
        <v>14.14</v>
      </c>
      <c r="O292" s="40">
        <v>1.8399999999999999</v>
      </c>
      <c r="P292" s="9">
        <v>3.41</v>
      </c>
      <c r="Q292" s="39">
        <v>2.95</v>
      </c>
      <c r="R292" s="40">
        <v>0.46</v>
      </c>
      <c r="S292" s="9">
        <v>1.66</v>
      </c>
      <c r="T292" s="39">
        <v>0.05</v>
      </c>
      <c r="U292" s="40">
        <v>1.6099999999999999</v>
      </c>
      <c r="V292" s="9">
        <v>0</v>
      </c>
      <c r="W292" s="39">
        <v>0</v>
      </c>
      <c r="X292" s="40">
        <v>0</v>
      </c>
      <c r="Y292" s="9">
        <v>0.51</v>
      </c>
      <c r="Z292" s="39">
        <v>0.51</v>
      </c>
      <c r="AA292" s="40">
        <v>0</v>
      </c>
    </row>
    <row r="293" spans="1:27" s="12" customFormat="1" ht="11.25" x14ac:dyDescent="0.25">
      <c r="A293" s="151"/>
      <c r="B293" s="154"/>
      <c r="C293" s="66" t="s">
        <v>63</v>
      </c>
      <c r="D293" s="67">
        <v>3.9599999999999995</v>
      </c>
      <c r="E293" s="7">
        <v>3.9599999999999995</v>
      </c>
      <c r="F293" s="8">
        <v>0</v>
      </c>
      <c r="G293" s="9">
        <v>2.8499999999999996</v>
      </c>
      <c r="H293" s="16">
        <v>2.8499999999999996</v>
      </c>
      <c r="I293" s="42">
        <v>0</v>
      </c>
      <c r="J293" s="9">
        <v>1.1100000000000001</v>
      </c>
      <c r="K293" s="16">
        <v>1.1100000000000001</v>
      </c>
      <c r="L293" s="42">
        <v>0</v>
      </c>
      <c r="M293" s="9">
        <v>0</v>
      </c>
      <c r="N293" s="16">
        <v>0</v>
      </c>
      <c r="O293" s="17">
        <v>0</v>
      </c>
      <c r="P293" s="9">
        <v>0</v>
      </c>
      <c r="Q293" s="16">
        <v>0</v>
      </c>
      <c r="R293" s="17">
        <v>0</v>
      </c>
      <c r="S293" s="9">
        <v>0</v>
      </c>
      <c r="T293" s="16">
        <v>0</v>
      </c>
      <c r="U293" s="17">
        <v>0</v>
      </c>
      <c r="V293" s="9">
        <v>0</v>
      </c>
      <c r="W293" s="35">
        <v>0</v>
      </c>
      <c r="X293" s="36">
        <v>0</v>
      </c>
      <c r="Y293" s="9">
        <v>0</v>
      </c>
      <c r="Z293" s="16">
        <v>0</v>
      </c>
      <c r="AA293" s="17">
        <v>0</v>
      </c>
    </row>
    <row r="294" spans="1:27" s="12" customFormat="1" ht="11.25" x14ac:dyDescent="0.25">
      <c r="A294" s="151"/>
      <c r="B294" s="154"/>
      <c r="C294" s="66" t="s">
        <v>64</v>
      </c>
      <c r="D294" s="67">
        <v>0</v>
      </c>
      <c r="E294" s="7">
        <v>0</v>
      </c>
      <c r="F294" s="8">
        <v>0</v>
      </c>
      <c r="G294" s="9">
        <v>0</v>
      </c>
      <c r="H294" s="16">
        <v>0</v>
      </c>
      <c r="I294" s="42">
        <v>0</v>
      </c>
      <c r="J294" s="9">
        <v>0</v>
      </c>
      <c r="K294" s="16">
        <v>0</v>
      </c>
      <c r="L294" s="42">
        <v>0</v>
      </c>
      <c r="M294" s="9">
        <v>0</v>
      </c>
      <c r="N294" s="16">
        <v>0</v>
      </c>
      <c r="O294" s="17">
        <v>0</v>
      </c>
      <c r="P294" s="9">
        <v>0</v>
      </c>
      <c r="Q294" s="16">
        <v>0</v>
      </c>
      <c r="R294" s="17">
        <v>0</v>
      </c>
      <c r="S294" s="9">
        <v>0</v>
      </c>
      <c r="T294" s="16">
        <v>0</v>
      </c>
      <c r="U294" s="17">
        <v>0</v>
      </c>
      <c r="V294" s="9">
        <v>0</v>
      </c>
      <c r="W294" s="35">
        <v>0</v>
      </c>
      <c r="X294" s="36">
        <v>0</v>
      </c>
      <c r="Y294" s="9">
        <v>0</v>
      </c>
      <c r="Z294" s="16">
        <v>0</v>
      </c>
      <c r="AA294" s="17">
        <v>0</v>
      </c>
    </row>
    <row r="295" spans="1:27" s="12" customFormat="1" ht="12" thickBot="1" x14ac:dyDescent="0.3">
      <c r="A295" s="152"/>
      <c r="B295" s="155"/>
      <c r="C295" s="68" t="s">
        <v>65</v>
      </c>
      <c r="D295" s="69">
        <v>0</v>
      </c>
      <c r="E295" s="7">
        <v>0</v>
      </c>
      <c r="F295" s="8">
        <v>0</v>
      </c>
      <c r="G295" s="9">
        <v>0</v>
      </c>
      <c r="H295" s="45">
        <v>0</v>
      </c>
      <c r="I295" s="47">
        <v>0</v>
      </c>
      <c r="J295" s="9">
        <v>0</v>
      </c>
      <c r="K295" s="45">
        <v>0</v>
      </c>
      <c r="L295" s="47">
        <v>0</v>
      </c>
      <c r="M295" s="9">
        <v>0</v>
      </c>
      <c r="N295" s="45">
        <v>0</v>
      </c>
      <c r="O295" s="46">
        <v>0</v>
      </c>
      <c r="P295" s="9">
        <v>0</v>
      </c>
      <c r="Q295" s="45">
        <v>0</v>
      </c>
      <c r="R295" s="46">
        <v>0</v>
      </c>
      <c r="S295" s="9">
        <v>0</v>
      </c>
      <c r="T295" s="45">
        <v>0</v>
      </c>
      <c r="U295" s="46">
        <v>0</v>
      </c>
      <c r="V295" s="9">
        <v>0</v>
      </c>
      <c r="W295" s="49">
        <v>0</v>
      </c>
      <c r="X295" s="48">
        <v>0</v>
      </c>
      <c r="Y295" s="9">
        <v>0</v>
      </c>
      <c r="Z295" s="45">
        <v>0</v>
      </c>
      <c r="AA295" s="46">
        <v>0</v>
      </c>
    </row>
    <row r="296" spans="1:27" s="12" customFormat="1" ht="11.25" x14ac:dyDescent="0.25">
      <c r="A296" s="150">
        <v>78</v>
      </c>
      <c r="B296" s="153" t="s">
        <v>121</v>
      </c>
      <c r="C296" s="37" t="s">
        <v>44</v>
      </c>
      <c r="D296" s="38">
        <v>39.148666666666671</v>
      </c>
      <c r="E296" s="7">
        <v>23.577555555555556</v>
      </c>
      <c r="F296" s="8">
        <v>15.571111111111112</v>
      </c>
      <c r="G296" s="9">
        <v>32.323211111111107</v>
      </c>
      <c r="H296" s="39">
        <v>18.687100000000001</v>
      </c>
      <c r="I296" s="41">
        <v>13.636111111111111</v>
      </c>
      <c r="J296" s="9">
        <v>0</v>
      </c>
      <c r="K296" s="39">
        <v>0</v>
      </c>
      <c r="L296" s="41">
        <v>0</v>
      </c>
      <c r="M296" s="9">
        <v>3.4804555555555559</v>
      </c>
      <c r="N296" s="39">
        <v>3.4804555555555559</v>
      </c>
      <c r="O296" s="40">
        <v>0</v>
      </c>
      <c r="P296" s="9">
        <v>2.6950000000000003</v>
      </c>
      <c r="Q296" s="39">
        <v>1.4100000000000001</v>
      </c>
      <c r="R296" s="40">
        <v>1.2849999999999999</v>
      </c>
      <c r="S296" s="9">
        <v>0.65</v>
      </c>
      <c r="T296" s="39">
        <v>0</v>
      </c>
      <c r="U296" s="40">
        <v>0.65</v>
      </c>
      <c r="V296" s="9">
        <v>0</v>
      </c>
      <c r="W296" s="39">
        <v>0</v>
      </c>
      <c r="X296" s="40">
        <v>0</v>
      </c>
      <c r="Y296" s="9">
        <v>0</v>
      </c>
      <c r="Z296" s="39">
        <v>0</v>
      </c>
      <c r="AA296" s="40">
        <v>0</v>
      </c>
    </row>
    <row r="297" spans="1:27" s="12" customFormat="1" ht="11.25" x14ac:dyDescent="0.25">
      <c r="A297" s="151"/>
      <c r="B297" s="154"/>
      <c r="C297" s="13" t="s">
        <v>63</v>
      </c>
      <c r="D297" s="18">
        <v>0.75</v>
      </c>
      <c r="E297" s="7">
        <v>0</v>
      </c>
      <c r="F297" s="8">
        <v>0.75</v>
      </c>
      <c r="G297" s="9">
        <v>0.39</v>
      </c>
      <c r="H297" s="16">
        <v>0</v>
      </c>
      <c r="I297" s="42">
        <v>0.39</v>
      </c>
      <c r="J297" s="9">
        <v>0</v>
      </c>
      <c r="K297" s="16">
        <v>0</v>
      </c>
      <c r="L297" s="42">
        <v>0</v>
      </c>
      <c r="M297" s="9">
        <v>0</v>
      </c>
      <c r="N297" s="16">
        <v>0</v>
      </c>
      <c r="O297" s="17">
        <v>0</v>
      </c>
      <c r="P297" s="9">
        <v>0.36</v>
      </c>
      <c r="Q297" s="16">
        <v>0</v>
      </c>
      <c r="R297" s="17">
        <v>0.36</v>
      </c>
      <c r="S297" s="9">
        <v>0</v>
      </c>
      <c r="T297" s="16">
        <v>0</v>
      </c>
      <c r="U297" s="17">
        <v>0</v>
      </c>
      <c r="V297" s="9">
        <v>0</v>
      </c>
      <c r="W297" s="35">
        <v>0</v>
      </c>
      <c r="X297" s="36">
        <v>0</v>
      </c>
      <c r="Y297" s="9">
        <v>0</v>
      </c>
      <c r="Z297" s="16">
        <v>0</v>
      </c>
      <c r="AA297" s="17">
        <v>0</v>
      </c>
    </row>
    <row r="298" spans="1:27" s="12" customFormat="1" ht="11.25" x14ac:dyDescent="0.25">
      <c r="A298" s="151"/>
      <c r="B298" s="154"/>
      <c r="C298" s="13" t="s">
        <v>64</v>
      </c>
      <c r="D298" s="18">
        <v>0</v>
      </c>
      <c r="E298" s="7">
        <v>0</v>
      </c>
      <c r="F298" s="8">
        <v>0</v>
      </c>
      <c r="G298" s="9">
        <v>0</v>
      </c>
      <c r="H298" s="16">
        <v>0</v>
      </c>
      <c r="I298" s="42">
        <v>0</v>
      </c>
      <c r="J298" s="9">
        <v>0</v>
      </c>
      <c r="K298" s="16">
        <v>0</v>
      </c>
      <c r="L298" s="42">
        <v>0</v>
      </c>
      <c r="M298" s="9">
        <v>0</v>
      </c>
      <c r="N298" s="16">
        <v>0</v>
      </c>
      <c r="O298" s="17">
        <v>0</v>
      </c>
      <c r="P298" s="9">
        <v>0</v>
      </c>
      <c r="Q298" s="16">
        <v>0</v>
      </c>
      <c r="R298" s="17">
        <v>0</v>
      </c>
      <c r="S298" s="9">
        <v>0</v>
      </c>
      <c r="T298" s="16">
        <v>0</v>
      </c>
      <c r="U298" s="17">
        <v>0</v>
      </c>
      <c r="V298" s="9">
        <v>0</v>
      </c>
      <c r="W298" s="35">
        <v>0</v>
      </c>
      <c r="X298" s="36">
        <v>0</v>
      </c>
      <c r="Y298" s="9">
        <v>0</v>
      </c>
      <c r="Z298" s="16">
        <v>0</v>
      </c>
      <c r="AA298" s="17">
        <v>0</v>
      </c>
    </row>
    <row r="299" spans="1:27" s="12" customFormat="1" ht="12" thickBot="1" x14ac:dyDescent="0.3">
      <c r="A299" s="152"/>
      <c r="B299" s="155"/>
      <c r="C299" s="43" t="s">
        <v>65</v>
      </c>
      <c r="D299" s="44">
        <v>0</v>
      </c>
      <c r="E299" s="7">
        <v>0</v>
      </c>
      <c r="F299" s="8">
        <v>0</v>
      </c>
      <c r="G299" s="9">
        <v>0</v>
      </c>
      <c r="H299" s="45">
        <v>0</v>
      </c>
      <c r="I299" s="47">
        <v>0</v>
      </c>
      <c r="J299" s="9">
        <v>0</v>
      </c>
      <c r="K299" s="45">
        <v>0</v>
      </c>
      <c r="L299" s="47">
        <v>0</v>
      </c>
      <c r="M299" s="9">
        <v>0</v>
      </c>
      <c r="N299" s="45">
        <v>0</v>
      </c>
      <c r="O299" s="46">
        <v>0</v>
      </c>
      <c r="P299" s="9">
        <v>0</v>
      </c>
      <c r="Q299" s="45">
        <v>0</v>
      </c>
      <c r="R299" s="46">
        <v>0</v>
      </c>
      <c r="S299" s="9">
        <v>0</v>
      </c>
      <c r="T299" s="45">
        <v>0</v>
      </c>
      <c r="U299" s="46">
        <v>0</v>
      </c>
      <c r="V299" s="9">
        <v>0</v>
      </c>
      <c r="W299" s="49">
        <v>0</v>
      </c>
      <c r="X299" s="48">
        <v>0</v>
      </c>
      <c r="Y299" s="9">
        <v>0</v>
      </c>
      <c r="Z299" s="45">
        <v>0</v>
      </c>
      <c r="AA299" s="46">
        <v>0</v>
      </c>
    </row>
    <row r="300" spans="1:27" s="12" customFormat="1" ht="11.25" x14ac:dyDescent="0.25">
      <c r="A300" s="150">
        <v>79</v>
      </c>
      <c r="B300" s="153" t="s">
        <v>122</v>
      </c>
      <c r="C300" s="37" t="s">
        <v>44</v>
      </c>
      <c r="D300" s="38">
        <v>106.89733333333334</v>
      </c>
      <c r="E300" s="7">
        <v>76.817333333333337</v>
      </c>
      <c r="F300" s="8">
        <v>30.080000000000002</v>
      </c>
      <c r="G300" s="9">
        <v>70.849733333333333</v>
      </c>
      <c r="H300" s="39">
        <v>54.959733333333332</v>
      </c>
      <c r="I300" s="41">
        <v>15.89</v>
      </c>
      <c r="J300" s="9">
        <v>0</v>
      </c>
      <c r="K300" s="39">
        <v>0</v>
      </c>
      <c r="L300" s="41">
        <v>0</v>
      </c>
      <c r="M300" s="9">
        <v>21.5928</v>
      </c>
      <c r="N300" s="39">
        <v>11.472799999999999</v>
      </c>
      <c r="O300" s="40">
        <v>10.120000000000001</v>
      </c>
      <c r="P300" s="9">
        <v>10.974799999999998</v>
      </c>
      <c r="Q300" s="39">
        <v>8.4547999999999988</v>
      </c>
      <c r="R300" s="40">
        <v>2.5199999999999996</v>
      </c>
      <c r="S300" s="9">
        <v>2.7800000000000002</v>
      </c>
      <c r="T300" s="39">
        <v>1.42</v>
      </c>
      <c r="U300" s="40">
        <v>1.36</v>
      </c>
      <c r="V300" s="9">
        <v>0.7</v>
      </c>
      <c r="W300" s="39">
        <v>0.51</v>
      </c>
      <c r="X300" s="40">
        <v>0.19</v>
      </c>
      <c r="Y300" s="9">
        <v>0</v>
      </c>
      <c r="Z300" s="39">
        <v>0</v>
      </c>
      <c r="AA300" s="40">
        <v>0</v>
      </c>
    </row>
    <row r="301" spans="1:27" s="12" customFormat="1" ht="11.25" x14ac:dyDescent="0.25">
      <c r="A301" s="151"/>
      <c r="B301" s="154"/>
      <c r="C301" s="13" t="s">
        <v>63</v>
      </c>
      <c r="D301" s="18">
        <v>8.82</v>
      </c>
      <c r="E301" s="7">
        <v>6.57</v>
      </c>
      <c r="F301" s="8">
        <v>2.2500000000000004</v>
      </c>
      <c r="G301" s="9">
        <v>5.5</v>
      </c>
      <c r="H301" s="16">
        <v>5.23</v>
      </c>
      <c r="I301" s="42">
        <v>0.27</v>
      </c>
      <c r="J301" s="9">
        <v>0</v>
      </c>
      <c r="K301" s="16">
        <v>0</v>
      </c>
      <c r="L301" s="42">
        <v>0</v>
      </c>
      <c r="M301" s="9">
        <v>2.9000000000000004</v>
      </c>
      <c r="N301" s="16">
        <v>1.1400000000000001</v>
      </c>
      <c r="O301" s="17">
        <v>1.76</v>
      </c>
      <c r="P301" s="9">
        <v>0.15</v>
      </c>
      <c r="Q301" s="16">
        <v>0.15</v>
      </c>
      <c r="R301" s="17">
        <v>0</v>
      </c>
      <c r="S301" s="9">
        <v>0.05</v>
      </c>
      <c r="T301" s="16">
        <v>0.05</v>
      </c>
      <c r="U301" s="17">
        <v>0</v>
      </c>
      <c r="V301" s="9">
        <v>0</v>
      </c>
      <c r="W301" s="35">
        <v>0</v>
      </c>
      <c r="X301" s="36">
        <v>0</v>
      </c>
      <c r="Y301" s="9">
        <v>0.22</v>
      </c>
      <c r="Z301" s="16">
        <v>0</v>
      </c>
      <c r="AA301" s="17">
        <v>0.22</v>
      </c>
    </row>
    <row r="302" spans="1:27" s="12" customFormat="1" ht="11.25" x14ac:dyDescent="0.25">
      <c r="A302" s="151"/>
      <c r="B302" s="154"/>
      <c r="C302" s="13" t="s">
        <v>64</v>
      </c>
      <c r="D302" s="18">
        <v>0</v>
      </c>
      <c r="E302" s="7">
        <v>0</v>
      </c>
      <c r="F302" s="8">
        <v>0</v>
      </c>
      <c r="G302" s="9">
        <v>0</v>
      </c>
      <c r="H302" s="16">
        <v>0</v>
      </c>
      <c r="I302" s="42">
        <v>0</v>
      </c>
      <c r="J302" s="9">
        <v>0</v>
      </c>
      <c r="K302" s="16">
        <v>0</v>
      </c>
      <c r="L302" s="42">
        <v>0</v>
      </c>
      <c r="M302" s="9">
        <v>0</v>
      </c>
      <c r="N302" s="16">
        <v>0</v>
      </c>
      <c r="O302" s="17">
        <v>0</v>
      </c>
      <c r="P302" s="9">
        <v>0</v>
      </c>
      <c r="Q302" s="16">
        <v>0</v>
      </c>
      <c r="R302" s="17">
        <v>0</v>
      </c>
      <c r="S302" s="9">
        <v>0</v>
      </c>
      <c r="T302" s="16">
        <v>0</v>
      </c>
      <c r="U302" s="17">
        <v>0</v>
      </c>
      <c r="V302" s="9">
        <v>0</v>
      </c>
      <c r="W302" s="35">
        <v>0</v>
      </c>
      <c r="X302" s="36">
        <v>0</v>
      </c>
      <c r="Y302" s="9">
        <v>0</v>
      </c>
      <c r="Z302" s="16">
        <v>0</v>
      </c>
      <c r="AA302" s="17">
        <v>0</v>
      </c>
    </row>
    <row r="303" spans="1:27" s="12" customFormat="1" ht="12" thickBot="1" x14ac:dyDescent="0.3">
      <c r="A303" s="152"/>
      <c r="B303" s="155"/>
      <c r="C303" s="43" t="s">
        <v>65</v>
      </c>
      <c r="D303" s="44">
        <v>0</v>
      </c>
      <c r="E303" s="7">
        <v>0</v>
      </c>
      <c r="F303" s="8">
        <v>0</v>
      </c>
      <c r="G303" s="9">
        <v>0</v>
      </c>
      <c r="H303" s="45">
        <v>0</v>
      </c>
      <c r="I303" s="47">
        <v>0</v>
      </c>
      <c r="J303" s="9">
        <v>0</v>
      </c>
      <c r="K303" s="45">
        <v>0</v>
      </c>
      <c r="L303" s="47">
        <v>0</v>
      </c>
      <c r="M303" s="9">
        <v>0</v>
      </c>
      <c r="N303" s="45">
        <v>0</v>
      </c>
      <c r="O303" s="46">
        <v>0</v>
      </c>
      <c r="P303" s="9">
        <v>0</v>
      </c>
      <c r="Q303" s="45">
        <v>0</v>
      </c>
      <c r="R303" s="46">
        <v>0</v>
      </c>
      <c r="S303" s="9">
        <v>0</v>
      </c>
      <c r="T303" s="45">
        <v>0</v>
      </c>
      <c r="U303" s="46">
        <v>0</v>
      </c>
      <c r="V303" s="9">
        <v>0</v>
      </c>
      <c r="W303" s="49">
        <v>0</v>
      </c>
      <c r="X303" s="48">
        <v>0</v>
      </c>
      <c r="Y303" s="9">
        <v>0</v>
      </c>
      <c r="Z303" s="45">
        <v>0</v>
      </c>
      <c r="AA303" s="46">
        <v>0</v>
      </c>
    </row>
    <row r="304" spans="1:27" s="12" customFormat="1" ht="11.25" x14ac:dyDescent="0.25">
      <c r="A304" s="150">
        <v>80</v>
      </c>
      <c r="B304" s="153" t="s">
        <v>123</v>
      </c>
      <c r="C304" s="37" t="s">
        <v>44</v>
      </c>
      <c r="D304" s="38">
        <v>163.95185208333331</v>
      </c>
      <c r="E304" s="7">
        <v>136.13685208333331</v>
      </c>
      <c r="F304" s="8">
        <v>27.815000000000001</v>
      </c>
      <c r="G304" s="9">
        <v>118.36629652777775</v>
      </c>
      <c r="H304" s="39">
        <v>103.80907430555553</v>
      </c>
      <c r="I304" s="41">
        <v>14.557222222222222</v>
      </c>
      <c r="J304" s="9">
        <v>0.61</v>
      </c>
      <c r="K304" s="39">
        <v>0.61</v>
      </c>
      <c r="L304" s="41">
        <v>0</v>
      </c>
      <c r="M304" s="9">
        <v>28.875555555555557</v>
      </c>
      <c r="N304" s="39">
        <v>20.027777777777779</v>
      </c>
      <c r="O304" s="40">
        <v>8.8477777777777789</v>
      </c>
      <c r="P304" s="9">
        <v>7.93</v>
      </c>
      <c r="Q304" s="39">
        <v>6.77</v>
      </c>
      <c r="R304" s="40">
        <v>1.1599999999999999</v>
      </c>
      <c r="S304" s="9">
        <v>7.49</v>
      </c>
      <c r="T304" s="39">
        <v>4.72</v>
      </c>
      <c r="U304" s="40">
        <v>2.77</v>
      </c>
      <c r="V304" s="9">
        <v>0</v>
      </c>
      <c r="W304" s="39">
        <v>0</v>
      </c>
      <c r="X304" s="40">
        <v>0</v>
      </c>
      <c r="Y304" s="9">
        <v>0.67999999999999994</v>
      </c>
      <c r="Z304" s="39">
        <v>0.2</v>
      </c>
      <c r="AA304" s="40">
        <v>0.48</v>
      </c>
    </row>
    <row r="305" spans="1:27" s="12" customFormat="1" ht="11.25" x14ac:dyDescent="0.25">
      <c r="A305" s="151"/>
      <c r="B305" s="154"/>
      <c r="C305" s="13" t="s">
        <v>63</v>
      </c>
      <c r="D305" s="18">
        <v>15.5669</v>
      </c>
      <c r="E305" s="7">
        <v>14.726900000000001</v>
      </c>
      <c r="F305" s="8">
        <v>0.84</v>
      </c>
      <c r="G305" s="9">
        <v>10.51</v>
      </c>
      <c r="H305" s="16">
        <v>10.129999999999999</v>
      </c>
      <c r="I305" s="42">
        <v>0.38</v>
      </c>
      <c r="J305" s="9">
        <v>0</v>
      </c>
      <c r="K305" s="16">
        <v>0</v>
      </c>
      <c r="L305" s="42">
        <v>0</v>
      </c>
      <c r="M305" s="9">
        <v>2.62</v>
      </c>
      <c r="N305" s="16">
        <v>2.2599999999999998</v>
      </c>
      <c r="O305" s="17">
        <v>0.36</v>
      </c>
      <c r="P305" s="9">
        <v>1.1968999999999999</v>
      </c>
      <c r="Q305" s="16">
        <v>1.1968999999999999</v>
      </c>
      <c r="R305" s="17">
        <v>0</v>
      </c>
      <c r="S305" s="9">
        <v>1.1399999999999999</v>
      </c>
      <c r="T305" s="16">
        <v>1.1399999999999999</v>
      </c>
      <c r="U305" s="17">
        <v>0</v>
      </c>
      <c r="V305" s="9">
        <v>0</v>
      </c>
      <c r="W305" s="35">
        <v>0</v>
      </c>
      <c r="X305" s="36">
        <v>0</v>
      </c>
      <c r="Y305" s="9">
        <v>0.1</v>
      </c>
      <c r="Z305" s="16">
        <v>0</v>
      </c>
      <c r="AA305" s="17">
        <v>0.1</v>
      </c>
    </row>
    <row r="306" spans="1:27" s="12" customFormat="1" ht="11.25" x14ac:dyDescent="0.25">
      <c r="A306" s="151"/>
      <c r="B306" s="154"/>
      <c r="C306" s="13" t="s">
        <v>64</v>
      </c>
      <c r="D306" s="18">
        <v>5.24</v>
      </c>
      <c r="E306" s="7">
        <v>5.24</v>
      </c>
      <c r="F306" s="8">
        <v>0</v>
      </c>
      <c r="G306" s="9">
        <v>5.24</v>
      </c>
      <c r="H306" s="16">
        <v>5.24</v>
      </c>
      <c r="I306" s="42">
        <v>0</v>
      </c>
      <c r="J306" s="9">
        <v>0</v>
      </c>
      <c r="K306" s="16">
        <v>0</v>
      </c>
      <c r="L306" s="42">
        <v>0</v>
      </c>
      <c r="M306" s="9">
        <v>0</v>
      </c>
      <c r="N306" s="16">
        <v>0</v>
      </c>
      <c r="O306" s="17">
        <v>0</v>
      </c>
      <c r="P306" s="9">
        <v>0</v>
      </c>
      <c r="Q306" s="16">
        <v>0</v>
      </c>
      <c r="R306" s="17">
        <v>0</v>
      </c>
      <c r="S306" s="9">
        <v>0</v>
      </c>
      <c r="T306" s="16">
        <v>0</v>
      </c>
      <c r="U306" s="17">
        <v>0</v>
      </c>
      <c r="V306" s="9">
        <v>0</v>
      </c>
      <c r="W306" s="35">
        <v>0</v>
      </c>
      <c r="X306" s="36">
        <v>0</v>
      </c>
      <c r="Y306" s="9">
        <v>0</v>
      </c>
      <c r="Z306" s="16">
        <v>0</v>
      </c>
      <c r="AA306" s="17">
        <v>0</v>
      </c>
    </row>
    <row r="307" spans="1:27" s="12" customFormat="1" ht="12" thickBot="1" x14ac:dyDescent="0.3">
      <c r="A307" s="152"/>
      <c r="B307" s="155"/>
      <c r="C307" s="43" t="s">
        <v>65</v>
      </c>
      <c r="D307" s="44">
        <v>0</v>
      </c>
      <c r="E307" s="7">
        <v>0</v>
      </c>
      <c r="F307" s="8">
        <v>0</v>
      </c>
      <c r="G307" s="9">
        <v>0</v>
      </c>
      <c r="H307" s="45">
        <v>0</v>
      </c>
      <c r="I307" s="47">
        <v>0</v>
      </c>
      <c r="J307" s="9">
        <v>0</v>
      </c>
      <c r="K307" s="45">
        <v>0</v>
      </c>
      <c r="L307" s="47">
        <v>0</v>
      </c>
      <c r="M307" s="9">
        <v>0</v>
      </c>
      <c r="N307" s="45">
        <v>0</v>
      </c>
      <c r="O307" s="46">
        <v>0</v>
      </c>
      <c r="P307" s="9">
        <v>0</v>
      </c>
      <c r="Q307" s="45">
        <v>0</v>
      </c>
      <c r="R307" s="46">
        <v>0</v>
      </c>
      <c r="S307" s="9">
        <v>0</v>
      </c>
      <c r="T307" s="45">
        <v>0</v>
      </c>
      <c r="U307" s="46">
        <v>0</v>
      </c>
      <c r="V307" s="9">
        <v>0</v>
      </c>
      <c r="W307" s="49">
        <v>0</v>
      </c>
      <c r="X307" s="48">
        <v>0</v>
      </c>
      <c r="Y307" s="9">
        <v>0</v>
      </c>
      <c r="Z307" s="45">
        <v>0</v>
      </c>
      <c r="AA307" s="46">
        <v>0</v>
      </c>
    </row>
    <row r="308" spans="1:27" s="12" customFormat="1" ht="11.25" x14ac:dyDescent="0.25">
      <c r="A308" s="150">
        <v>81</v>
      </c>
      <c r="B308" s="153" t="s">
        <v>124</v>
      </c>
      <c r="C308" s="37" t="s">
        <v>44</v>
      </c>
      <c r="D308" s="38">
        <v>2783.4778083333335</v>
      </c>
      <c r="E308" s="7">
        <v>2575.412616666667</v>
      </c>
      <c r="F308" s="8">
        <v>208.06519166666664</v>
      </c>
      <c r="G308" s="9">
        <v>2237.6091749999996</v>
      </c>
      <c r="H308" s="39">
        <v>2101.2130499999998</v>
      </c>
      <c r="I308" s="41">
        <v>136.39612499999998</v>
      </c>
      <c r="J308" s="9">
        <v>20.985499999999998</v>
      </c>
      <c r="K308" s="39">
        <v>18.985499999999998</v>
      </c>
      <c r="L308" s="41">
        <v>2</v>
      </c>
      <c r="M308" s="9">
        <v>446.37955555555567</v>
      </c>
      <c r="N308" s="39">
        <v>392.61648888888897</v>
      </c>
      <c r="O308" s="40">
        <v>53.763066666666674</v>
      </c>
      <c r="P308" s="9">
        <v>52.085777777777778</v>
      </c>
      <c r="Q308" s="39">
        <v>46.865777777777772</v>
      </c>
      <c r="R308" s="40">
        <v>5.2200000000000006</v>
      </c>
      <c r="S308" s="9">
        <v>18.517499999999998</v>
      </c>
      <c r="T308" s="39">
        <v>12.771799999999999</v>
      </c>
      <c r="U308" s="40">
        <v>5.7457000000000003</v>
      </c>
      <c r="V308" s="9">
        <v>0.41000000000000003</v>
      </c>
      <c r="W308" s="39">
        <v>0.41000000000000003</v>
      </c>
      <c r="X308" s="40">
        <v>0</v>
      </c>
      <c r="Y308" s="9">
        <v>7.4903000000000004</v>
      </c>
      <c r="Z308" s="39">
        <v>2.5499999999999998</v>
      </c>
      <c r="AA308" s="40">
        <v>4.9403000000000006</v>
      </c>
    </row>
    <row r="309" spans="1:27" s="12" customFormat="1" ht="11.25" x14ac:dyDescent="0.25">
      <c r="A309" s="151"/>
      <c r="B309" s="154"/>
      <c r="C309" s="13" t="s">
        <v>63</v>
      </c>
      <c r="D309" s="18">
        <v>132.9708</v>
      </c>
      <c r="E309" s="7">
        <v>118.8708</v>
      </c>
      <c r="F309" s="8">
        <v>14.100000000000001</v>
      </c>
      <c r="G309" s="9">
        <v>91.165099999999995</v>
      </c>
      <c r="H309" s="16">
        <v>81.865099999999998</v>
      </c>
      <c r="I309" s="42">
        <v>9.3000000000000007</v>
      </c>
      <c r="J309" s="9">
        <v>1.6888000000000001</v>
      </c>
      <c r="K309" s="16">
        <v>1.6888000000000001</v>
      </c>
      <c r="L309" s="42">
        <v>0</v>
      </c>
      <c r="M309" s="9">
        <v>24.250399999999996</v>
      </c>
      <c r="N309" s="16">
        <v>20.280399999999997</v>
      </c>
      <c r="O309" s="17">
        <v>3.9699999999999998</v>
      </c>
      <c r="P309" s="9">
        <v>2.7294999999999998</v>
      </c>
      <c r="Q309" s="16">
        <v>2.5594999999999999</v>
      </c>
      <c r="R309" s="17">
        <v>0.17</v>
      </c>
      <c r="S309" s="9">
        <v>9.3970000000000002</v>
      </c>
      <c r="T309" s="16">
        <v>8.8469999999999995</v>
      </c>
      <c r="U309" s="17">
        <v>0.55000000000000004</v>
      </c>
      <c r="V309" s="9">
        <v>1.04</v>
      </c>
      <c r="W309" s="35">
        <v>1.04</v>
      </c>
      <c r="X309" s="36">
        <v>0</v>
      </c>
      <c r="Y309" s="9">
        <v>2.6999999999999997</v>
      </c>
      <c r="Z309" s="16">
        <v>2.59</v>
      </c>
      <c r="AA309" s="17">
        <v>0.11</v>
      </c>
    </row>
    <row r="310" spans="1:27" s="12" customFormat="1" ht="11.25" x14ac:dyDescent="0.25">
      <c r="A310" s="163"/>
      <c r="B310" s="162"/>
      <c r="C310" s="15" t="s">
        <v>64</v>
      </c>
      <c r="D310" s="18">
        <v>0</v>
      </c>
      <c r="E310" s="7">
        <v>0</v>
      </c>
      <c r="F310" s="8">
        <v>0</v>
      </c>
      <c r="G310" s="9">
        <v>0</v>
      </c>
      <c r="H310" s="16">
        <v>0</v>
      </c>
      <c r="I310" s="42">
        <v>0</v>
      </c>
      <c r="J310" s="9">
        <v>0</v>
      </c>
      <c r="K310" s="16">
        <v>0</v>
      </c>
      <c r="L310" s="42">
        <v>0</v>
      </c>
      <c r="M310" s="9">
        <v>0</v>
      </c>
      <c r="N310" s="16">
        <v>0</v>
      </c>
      <c r="O310" s="17">
        <v>0</v>
      </c>
      <c r="P310" s="9">
        <v>0</v>
      </c>
      <c r="Q310" s="16">
        <v>0</v>
      </c>
      <c r="R310" s="17">
        <v>0</v>
      </c>
      <c r="S310" s="9">
        <v>0</v>
      </c>
      <c r="T310" s="16">
        <v>0</v>
      </c>
      <c r="U310" s="17">
        <v>0</v>
      </c>
      <c r="V310" s="9">
        <v>0</v>
      </c>
      <c r="W310" s="35">
        <v>0</v>
      </c>
      <c r="X310" s="36">
        <v>0</v>
      </c>
      <c r="Y310" s="9">
        <v>0</v>
      </c>
      <c r="Z310" s="16">
        <v>0</v>
      </c>
      <c r="AA310" s="17">
        <v>0</v>
      </c>
    </row>
    <row r="311" spans="1:27" s="12" customFormat="1" ht="12" thickBot="1" x14ac:dyDescent="0.3">
      <c r="A311" s="152"/>
      <c r="B311" s="155"/>
      <c r="C311" s="43" t="s">
        <v>65</v>
      </c>
      <c r="D311" s="44">
        <v>0</v>
      </c>
      <c r="E311" s="7">
        <v>0</v>
      </c>
      <c r="F311" s="8">
        <v>0</v>
      </c>
      <c r="G311" s="9">
        <v>0</v>
      </c>
      <c r="H311" s="45">
        <v>0</v>
      </c>
      <c r="I311" s="47">
        <v>0</v>
      </c>
      <c r="J311" s="9">
        <v>0</v>
      </c>
      <c r="K311" s="45">
        <v>0</v>
      </c>
      <c r="L311" s="47">
        <v>0</v>
      </c>
      <c r="M311" s="9">
        <v>0</v>
      </c>
      <c r="N311" s="45">
        <v>0</v>
      </c>
      <c r="O311" s="46">
        <v>0</v>
      </c>
      <c r="P311" s="9">
        <v>0</v>
      </c>
      <c r="Q311" s="45">
        <v>0</v>
      </c>
      <c r="R311" s="46">
        <v>0</v>
      </c>
      <c r="S311" s="9">
        <v>0</v>
      </c>
      <c r="T311" s="45">
        <v>0</v>
      </c>
      <c r="U311" s="46">
        <v>0</v>
      </c>
      <c r="V311" s="9">
        <v>0</v>
      </c>
      <c r="W311" s="49">
        <v>0</v>
      </c>
      <c r="X311" s="48">
        <v>0</v>
      </c>
      <c r="Y311" s="9">
        <v>0</v>
      </c>
      <c r="Z311" s="45">
        <v>0</v>
      </c>
      <c r="AA311" s="46">
        <v>0</v>
      </c>
    </row>
    <row r="312" spans="1:27" s="12" customFormat="1" ht="11.25" x14ac:dyDescent="0.25">
      <c r="A312" s="150">
        <v>82</v>
      </c>
      <c r="B312" s="153" t="s">
        <v>125</v>
      </c>
      <c r="C312" s="37" t="s">
        <v>44</v>
      </c>
      <c r="D312" s="38">
        <v>163.35151111111114</v>
      </c>
      <c r="E312" s="7">
        <v>146.83151111111113</v>
      </c>
      <c r="F312" s="8">
        <v>16.52</v>
      </c>
      <c r="G312" s="9">
        <v>131.7375111111111</v>
      </c>
      <c r="H312" s="39">
        <v>119.94751111111111</v>
      </c>
      <c r="I312" s="41">
        <v>11.790000000000001</v>
      </c>
      <c r="J312" s="9">
        <v>0</v>
      </c>
      <c r="K312" s="39">
        <v>0</v>
      </c>
      <c r="L312" s="41">
        <v>0</v>
      </c>
      <c r="M312" s="9">
        <v>19.36</v>
      </c>
      <c r="N312" s="39">
        <v>15.27</v>
      </c>
      <c r="O312" s="40">
        <v>4.09</v>
      </c>
      <c r="P312" s="9">
        <v>10.724</v>
      </c>
      <c r="Q312" s="39">
        <v>10.334000000000001</v>
      </c>
      <c r="R312" s="40">
        <v>0.39000000000000007</v>
      </c>
      <c r="S312" s="9">
        <v>1.3700000000000003</v>
      </c>
      <c r="T312" s="39">
        <v>1.2800000000000002</v>
      </c>
      <c r="U312" s="40">
        <v>0.09</v>
      </c>
      <c r="V312" s="9">
        <v>0</v>
      </c>
      <c r="W312" s="39">
        <v>0</v>
      </c>
      <c r="X312" s="40">
        <v>0</v>
      </c>
      <c r="Y312" s="9">
        <v>0.16</v>
      </c>
      <c r="Z312" s="39">
        <v>0</v>
      </c>
      <c r="AA312" s="40">
        <v>0.16</v>
      </c>
    </row>
    <row r="313" spans="1:27" s="12" customFormat="1" ht="11.25" x14ac:dyDescent="0.25">
      <c r="A313" s="151"/>
      <c r="B313" s="154"/>
      <c r="C313" s="13" t="s">
        <v>63</v>
      </c>
      <c r="D313" s="18">
        <v>3.1240999999999999</v>
      </c>
      <c r="E313" s="7">
        <v>2.8740999999999999</v>
      </c>
      <c r="F313" s="8">
        <v>0.25</v>
      </c>
      <c r="G313" s="9">
        <v>2.59</v>
      </c>
      <c r="H313" s="16">
        <v>2.46</v>
      </c>
      <c r="I313" s="42">
        <v>0.13</v>
      </c>
      <c r="J313" s="9">
        <v>0</v>
      </c>
      <c r="K313" s="16">
        <v>0</v>
      </c>
      <c r="L313" s="42">
        <v>0</v>
      </c>
      <c r="M313" s="9">
        <v>0</v>
      </c>
      <c r="N313" s="16">
        <v>0</v>
      </c>
      <c r="O313" s="17">
        <v>0</v>
      </c>
      <c r="P313" s="9">
        <v>0.53410000000000002</v>
      </c>
      <c r="Q313" s="16">
        <v>0.41410000000000002</v>
      </c>
      <c r="R313" s="17">
        <v>0.12000000000000001</v>
      </c>
      <c r="S313" s="9">
        <v>0</v>
      </c>
      <c r="T313" s="16">
        <v>0</v>
      </c>
      <c r="U313" s="17">
        <v>0</v>
      </c>
      <c r="V313" s="9">
        <v>0</v>
      </c>
      <c r="W313" s="35">
        <v>0</v>
      </c>
      <c r="X313" s="36">
        <v>0</v>
      </c>
      <c r="Y313" s="9">
        <v>0</v>
      </c>
      <c r="Z313" s="16">
        <v>0</v>
      </c>
      <c r="AA313" s="17">
        <v>0</v>
      </c>
    </row>
    <row r="314" spans="1:27" s="12" customFormat="1" ht="11.25" x14ac:dyDescent="0.25">
      <c r="A314" s="151"/>
      <c r="B314" s="154"/>
      <c r="C314" s="13" t="s">
        <v>64</v>
      </c>
      <c r="D314" s="18">
        <v>0</v>
      </c>
      <c r="E314" s="7">
        <v>0</v>
      </c>
      <c r="F314" s="8">
        <v>0</v>
      </c>
      <c r="G314" s="9">
        <v>0</v>
      </c>
      <c r="H314" s="16">
        <v>0</v>
      </c>
      <c r="I314" s="42">
        <v>0</v>
      </c>
      <c r="J314" s="9">
        <v>0</v>
      </c>
      <c r="K314" s="16">
        <v>0</v>
      </c>
      <c r="L314" s="42">
        <v>0</v>
      </c>
      <c r="M314" s="9">
        <v>0</v>
      </c>
      <c r="N314" s="16">
        <v>0</v>
      </c>
      <c r="O314" s="17">
        <v>0</v>
      </c>
      <c r="P314" s="9">
        <v>0</v>
      </c>
      <c r="Q314" s="16">
        <v>0</v>
      </c>
      <c r="R314" s="17">
        <v>0</v>
      </c>
      <c r="S314" s="9">
        <v>0</v>
      </c>
      <c r="T314" s="16">
        <v>0</v>
      </c>
      <c r="U314" s="17">
        <v>0</v>
      </c>
      <c r="V314" s="9">
        <v>0</v>
      </c>
      <c r="W314" s="35">
        <v>0</v>
      </c>
      <c r="X314" s="36">
        <v>0</v>
      </c>
      <c r="Y314" s="9">
        <v>0</v>
      </c>
      <c r="Z314" s="16">
        <v>0</v>
      </c>
      <c r="AA314" s="17">
        <v>0</v>
      </c>
    </row>
    <row r="315" spans="1:27" s="12" customFormat="1" ht="12" thickBot="1" x14ac:dyDescent="0.3">
      <c r="A315" s="152"/>
      <c r="B315" s="155"/>
      <c r="C315" s="43" t="s">
        <v>65</v>
      </c>
      <c r="D315" s="44">
        <v>0</v>
      </c>
      <c r="E315" s="7">
        <v>0</v>
      </c>
      <c r="F315" s="8">
        <v>0</v>
      </c>
      <c r="G315" s="9">
        <v>0</v>
      </c>
      <c r="H315" s="45">
        <v>0</v>
      </c>
      <c r="I315" s="47">
        <v>0</v>
      </c>
      <c r="J315" s="9">
        <v>0</v>
      </c>
      <c r="K315" s="45">
        <v>0</v>
      </c>
      <c r="L315" s="47">
        <v>0</v>
      </c>
      <c r="M315" s="9">
        <v>0</v>
      </c>
      <c r="N315" s="45">
        <v>0</v>
      </c>
      <c r="O315" s="46">
        <v>0</v>
      </c>
      <c r="P315" s="9">
        <v>0</v>
      </c>
      <c r="Q315" s="45">
        <v>0</v>
      </c>
      <c r="R315" s="46">
        <v>0</v>
      </c>
      <c r="S315" s="9">
        <v>0</v>
      </c>
      <c r="T315" s="45">
        <v>0</v>
      </c>
      <c r="U315" s="46">
        <v>0</v>
      </c>
      <c r="V315" s="9">
        <v>0</v>
      </c>
      <c r="W315" s="49">
        <v>0</v>
      </c>
      <c r="X315" s="48">
        <v>0</v>
      </c>
      <c r="Y315" s="9">
        <v>0</v>
      </c>
      <c r="Z315" s="45">
        <v>0</v>
      </c>
      <c r="AA315" s="46">
        <v>0</v>
      </c>
    </row>
    <row r="316" spans="1:27" s="12" customFormat="1" ht="11.25" x14ac:dyDescent="0.25">
      <c r="A316" s="150">
        <v>83</v>
      </c>
      <c r="B316" s="153" t="s">
        <v>126</v>
      </c>
      <c r="C316" s="37" t="s">
        <v>44</v>
      </c>
      <c r="D316" s="38">
        <v>142.37996666666666</v>
      </c>
      <c r="E316" s="7">
        <v>139.28496666666666</v>
      </c>
      <c r="F316" s="8">
        <v>3.0950000000000002</v>
      </c>
      <c r="G316" s="9">
        <v>95.26039999999999</v>
      </c>
      <c r="H316" s="39">
        <v>93.485399999999998</v>
      </c>
      <c r="I316" s="41">
        <v>1.7749999999999999</v>
      </c>
      <c r="J316" s="9">
        <v>2.67</v>
      </c>
      <c r="K316" s="39">
        <v>2.67</v>
      </c>
      <c r="L316" s="41">
        <v>0</v>
      </c>
      <c r="M316" s="9">
        <v>27.08207777777778</v>
      </c>
      <c r="N316" s="39">
        <v>26.282077777777779</v>
      </c>
      <c r="O316" s="40">
        <v>0.8</v>
      </c>
      <c r="P316" s="9">
        <v>8.1338888888888885</v>
      </c>
      <c r="Q316" s="39">
        <v>7.6138888888888889</v>
      </c>
      <c r="R316" s="40">
        <v>0.52</v>
      </c>
      <c r="S316" s="9">
        <v>6.9945000000000004</v>
      </c>
      <c r="T316" s="39">
        <v>6.9945000000000004</v>
      </c>
      <c r="U316" s="40">
        <v>0</v>
      </c>
      <c r="V316" s="9">
        <v>0</v>
      </c>
      <c r="W316" s="39">
        <v>0</v>
      </c>
      <c r="X316" s="40">
        <v>0</v>
      </c>
      <c r="Y316" s="9">
        <v>2.2391000000000001</v>
      </c>
      <c r="Z316" s="39">
        <v>2.2391000000000001</v>
      </c>
      <c r="AA316" s="40">
        <v>0</v>
      </c>
    </row>
    <row r="317" spans="1:27" s="12" customFormat="1" ht="11.25" x14ac:dyDescent="0.25">
      <c r="A317" s="151"/>
      <c r="B317" s="154"/>
      <c r="C317" s="13" t="s">
        <v>63</v>
      </c>
      <c r="D317" s="18">
        <v>4.3872999999999998</v>
      </c>
      <c r="E317" s="7">
        <v>4.3872999999999998</v>
      </c>
      <c r="F317" s="8">
        <v>0</v>
      </c>
      <c r="G317" s="9">
        <v>2.2172999999999998</v>
      </c>
      <c r="H317" s="16">
        <v>2.2172999999999998</v>
      </c>
      <c r="I317" s="42">
        <v>0</v>
      </c>
      <c r="J317" s="9">
        <v>0</v>
      </c>
      <c r="K317" s="16">
        <v>0</v>
      </c>
      <c r="L317" s="42">
        <v>0</v>
      </c>
      <c r="M317" s="9">
        <v>2.04</v>
      </c>
      <c r="N317" s="16">
        <v>2.04</v>
      </c>
      <c r="O317" s="17">
        <v>0</v>
      </c>
      <c r="P317" s="9">
        <v>0</v>
      </c>
      <c r="Q317" s="16">
        <v>0</v>
      </c>
      <c r="R317" s="17">
        <v>0</v>
      </c>
      <c r="S317" s="9">
        <v>0.13</v>
      </c>
      <c r="T317" s="16">
        <v>0.13</v>
      </c>
      <c r="U317" s="17">
        <v>0</v>
      </c>
      <c r="V317" s="9">
        <v>0</v>
      </c>
      <c r="W317" s="35">
        <v>0</v>
      </c>
      <c r="X317" s="36">
        <v>0</v>
      </c>
      <c r="Y317" s="9">
        <v>0</v>
      </c>
      <c r="Z317" s="16">
        <v>0</v>
      </c>
      <c r="AA317" s="17">
        <v>0</v>
      </c>
    </row>
    <row r="318" spans="1:27" s="12" customFormat="1" ht="11.25" x14ac:dyDescent="0.25">
      <c r="A318" s="151"/>
      <c r="B318" s="154"/>
      <c r="C318" s="13" t="s">
        <v>64</v>
      </c>
      <c r="D318" s="18">
        <v>0</v>
      </c>
      <c r="E318" s="7">
        <v>0</v>
      </c>
      <c r="F318" s="8">
        <v>0</v>
      </c>
      <c r="G318" s="9">
        <v>0</v>
      </c>
      <c r="H318" s="16">
        <v>0</v>
      </c>
      <c r="I318" s="42">
        <v>0</v>
      </c>
      <c r="J318" s="9">
        <v>0</v>
      </c>
      <c r="K318" s="16">
        <v>0</v>
      </c>
      <c r="L318" s="42">
        <v>0</v>
      </c>
      <c r="M318" s="9">
        <v>0</v>
      </c>
      <c r="N318" s="16">
        <v>0</v>
      </c>
      <c r="O318" s="17">
        <v>0</v>
      </c>
      <c r="P318" s="9">
        <v>0</v>
      </c>
      <c r="Q318" s="16">
        <v>0</v>
      </c>
      <c r="R318" s="17">
        <v>0</v>
      </c>
      <c r="S318" s="9">
        <v>0</v>
      </c>
      <c r="T318" s="16">
        <v>0</v>
      </c>
      <c r="U318" s="17">
        <v>0</v>
      </c>
      <c r="V318" s="9">
        <v>0</v>
      </c>
      <c r="W318" s="35">
        <v>0</v>
      </c>
      <c r="X318" s="36">
        <v>0</v>
      </c>
      <c r="Y318" s="9">
        <v>0</v>
      </c>
      <c r="Z318" s="16">
        <v>0</v>
      </c>
      <c r="AA318" s="17">
        <v>0</v>
      </c>
    </row>
    <row r="319" spans="1:27" s="12" customFormat="1" ht="12" thickBot="1" x14ac:dyDescent="0.3">
      <c r="A319" s="152"/>
      <c r="B319" s="155"/>
      <c r="C319" s="43" t="s">
        <v>65</v>
      </c>
      <c r="D319" s="44">
        <v>0</v>
      </c>
      <c r="E319" s="7">
        <v>0</v>
      </c>
      <c r="F319" s="8">
        <v>0</v>
      </c>
      <c r="G319" s="9">
        <v>0</v>
      </c>
      <c r="H319" s="45">
        <v>0</v>
      </c>
      <c r="I319" s="47">
        <v>0</v>
      </c>
      <c r="J319" s="9">
        <v>0</v>
      </c>
      <c r="K319" s="45">
        <v>0</v>
      </c>
      <c r="L319" s="47">
        <v>0</v>
      </c>
      <c r="M319" s="9">
        <v>0</v>
      </c>
      <c r="N319" s="45">
        <v>0</v>
      </c>
      <c r="O319" s="46">
        <v>0</v>
      </c>
      <c r="P319" s="9">
        <v>0</v>
      </c>
      <c r="Q319" s="45">
        <v>0</v>
      </c>
      <c r="R319" s="46">
        <v>0</v>
      </c>
      <c r="S319" s="9">
        <v>0</v>
      </c>
      <c r="T319" s="45">
        <v>0</v>
      </c>
      <c r="U319" s="46">
        <v>0</v>
      </c>
      <c r="V319" s="9">
        <v>0</v>
      </c>
      <c r="W319" s="49">
        <v>0</v>
      </c>
      <c r="X319" s="48">
        <v>0</v>
      </c>
      <c r="Y319" s="9">
        <v>0</v>
      </c>
      <c r="Z319" s="45">
        <v>0</v>
      </c>
      <c r="AA319" s="46">
        <v>0</v>
      </c>
    </row>
    <row r="320" spans="1:27" s="12" customFormat="1" ht="11.25" x14ac:dyDescent="0.25">
      <c r="A320" s="150">
        <v>84</v>
      </c>
      <c r="B320" s="153" t="s">
        <v>127</v>
      </c>
      <c r="C320" s="37" t="s">
        <v>44</v>
      </c>
      <c r="D320" s="38">
        <v>53.260555555555555</v>
      </c>
      <c r="E320" s="7">
        <v>52.44</v>
      </c>
      <c r="F320" s="8">
        <v>0.82055555555555559</v>
      </c>
      <c r="G320" s="9">
        <v>26.819999999999997</v>
      </c>
      <c r="H320" s="39">
        <v>26.47</v>
      </c>
      <c r="I320" s="41">
        <v>0.35</v>
      </c>
      <c r="J320" s="9">
        <v>3.24</v>
      </c>
      <c r="K320" s="39">
        <v>3.24</v>
      </c>
      <c r="L320" s="41">
        <v>0</v>
      </c>
      <c r="M320" s="9">
        <v>11.500555555555556</v>
      </c>
      <c r="N320" s="39">
        <v>11.03</v>
      </c>
      <c r="O320" s="40">
        <v>0.47055555555555556</v>
      </c>
      <c r="P320" s="9">
        <v>3.44</v>
      </c>
      <c r="Q320" s="39">
        <v>3.44</v>
      </c>
      <c r="R320" s="40">
        <v>0</v>
      </c>
      <c r="S320" s="9">
        <v>8.26</v>
      </c>
      <c r="T320" s="39">
        <v>8.26</v>
      </c>
      <c r="U320" s="40">
        <v>0</v>
      </c>
      <c r="V320" s="9">
        <v>0</v>
      </c>
      <c r="W320" s="39">
        <v>0</v>
      </c>
      <c r="X320" s="40">
        <v>0</v>
      </c>
      <c r="Y320" s="9">
        <v>0</v>
      </c>
      <c r="Z320" s="39">
        <v>0</v>
      </c>
      <c r="AA320" s="40">
        <v>0</v>
      </c>
    </row>
    <row r="321" spans="1:27" s="12" customFormat="1" ht="11.25" x14ac:dyDescent="0.25">
      <c r="A321" s="151"/>
      <c r="B321" s="154"/>
      <c r="C321" s="13" t="s">
        <v>63</v>
      </c>
      <c r="D321" s="18">
        <v>3.37</v>
      </c>
      <c r="E321" s="7">
        <v>3.37</v>
      </c>
      <c r="F321" s="8">
        <v>0</v>
      </c>
      <c r="G321" s="9">
        <v>1.3699999999999999</v>
      </c>
      <c r="H321" s="16">
        <v>1.3699999999999999</v>
      </c>
      <c r="I321" s="42">
        <v>0</v>
      </c>
      <c r="J321" s="9">
        <v>0</v>
      </c>
      <c r="K321" s="16">
        <v>0</v>
      </c>
      <c r="L321" s="42">
        <v>0</v>
      </c>
      <c r="M321" s="9">
        <v>0</v>
      </c>
      <c r="N321" s="16">
        <v>0</v>
      </c>
      <c r="O321" s="17">
        <v>0</v>
      </c>
      <c r="P321" s="9">
        <v>0.97</v>
      </c>
      <c r="Q321" s="16">
        <v>0.97</v>
      </c>
      <c r="R321" s="17">
        <v>0</v>
      </c>
      <c r="S321" s="9">
        <v>0.95</v>
      </c>
      <c r="T321" s="16">
        <v>0.95</v>
      </c>
      <c r="U321" s="17">
        <v>0</v>
      </c>
      <c r="V321" s="9">
        <v>0</v>
      </c>
      <c r="W321" s="35">
        <v>0</v>
      </c>
      <c r="X321" s="36">
        <v>0</v>
      </c>
      <c r="Y321" s="9">
        <v>0.08</v>
      </c>
      <c r="Z321" s="16">
        <v>0.08</v>
      </c>
      <c r="AA321" s="17">
        <v>0</v>
      </c>
    </row>
    <row r="322" spans="1:27" s="12" customFormat="1" ht="11.25" x14ac:dyDescent="0.25">
      <c r="A322" s="163"/>
      <c r="B322" s="162"/>
      <c r="C322" s="15" t="s">
        <v>64</v>
      </c>
      <c r="D322" s="18">
        <v>0</v>
      </c>
      <c r="E322" s="7">
        <v>0</v>
      </c>
      <c r="F322" s="8">
        <v>0</v>
      </c>
      <c r="G322" s="9">
        <v>0</v>
      </c>
      <c r="H322" s="16">
        <v>0</v>
      </c>
      <c r="I322" s="42">
        <v>0</v>
      </c>
      <c r="J322" s="9">
        <v>0</v>
      </c>
      <c r="K322" s="16">
        <v>0</v>
      </c>
      <c r="L322" s="42">
        <v>0</v>
      </c>
      <c r="M322" s="9">
        <v>0</v>
      </c>
      <c r="N322" s="16">
        <v>0</v>
      </c>
      <c r="O322" s="17">
        <v>0</v>
      </c>
      <c r="P322" s="9">
        <v>0</v>
      </c>
      <c r="Q322" s="16">
        <v>0</v>
      </c>
      <c r="R322" s="17">
        <v>0</v>
      </c>
      <c r="S322" s="9">
        <v>0</v>
      </c>
      <c r="T322" s="16">
        <v>0</v>
      </c>
      <c r="U322" s="17">
        <v>0</v>
      </c>
      <c r="V322" s="9">
        <v>0</v>
      </c>
      <c r="W322" s="35">
        <v>0</v>
      </c>
      <c r="X322" s="36">
        <v>0</v>
      </c>
      <c r="Y322" s="9">
        <v>0</v>
      </c>
      <c r="Z322" s="16">
        <v>0</v>
      </c>
      <c r="AA322" s="17">
        <v>0</v>
      </c>
    </row>
    <row r="323" spans="1:27" s="12" customFormat="1" ht="12" thickBot="1" x14ac:dyDescent="0.3">
      <c r="A323" s="152"/>
      <c r="B323" s="155"/>
      <c r="C323" s="43" t="s">
        <v>65</v>
      </c>
      <c r="D323" s="44">
        <v>0</v>
      </c>
      <c r="E323" s="7">
        <v>0</v>
      </c>
      <c r="F323" s="8">
        <v>0</v>
      </c>
      <c r="G323" s="9">
        <v>0</v>
      </c>
      <c r="H323" s="45">
        <v>0</v>
      </c>
      <c r="I323" s="47">
        <v>0</v>
      </c>
      <c r="J323" s="9">
        <v>0</v>
      </c>
      <c r="K323" s="45">
        <v>0</v>
      </c>
      <c r="L323" s="47">
        <v>0</v>
      </c>
      <c r="M323" s="9">
        <v>0</v>
      </c>
      <c r="N323" s="45">
        <v>0</v>
      </c>
      <c r="O323" s="46">
        <v>0</v>
      </c>
      <c r="P323" s="9">
        <v>0</v>
      </c>
      <c r="Q323" s="45">
        <v>0</v>
      </c>
      <c r="R323" s="46">
        <v>0</v>
      </c>
      <c r="S323" s="9">
        <v>0</v>
      </c>
      <c r="T323" s="45">
        <v>0</v>
      </c>
      <c r="U323" s="46">
        <v>0</v>
      </c>
      <c r="V323" s="9">
        <v>0</v>
      </c>
      <c r="W323" s="49">
        <v>0</v>
      </c>
      <c r="X323" s="48">
        <v>0</v>
      </c>
      <c r="Y323" s="9">
        <v>0</v>
      </c>
      <c r="Z323" s="45">
        <v>0</v>
      </c>
      <c r="AA323" s="46">
        <v>0</v>
      </c>
    </row>
    <row r="324" spans="1:27" s="12" customFormat="1" ht="11.25" x14ac:dyDescent="0.25">
      <c r="A324" s="150">
        <v>85</v>
      </c>
      <c r="B324" s="153" t="s">
        <v>128</v>
      </c>
      <c r="C324" s="37" t="s">
        <v>44</v>
      </c>
      <c r="D324" s="38">
        <v>213.57772222222223</v>
      </c>
      <c r="E324" s="7">
        <v>211.32572222222223</v>
      </c>
      <c r="F324" s="8">
        <v>2.2519999999999998</v>
      </c>
      <c r="G324" s="9">
        <v>67.941111111111113</v>
      </c>
      <c r="H324" s="39">
        <v>67.771111111111111</v>
      </c>
      <c r="I324" s="41">
        <v>0.17</v>
      </c>
      <c r="J324" s="9">
        <v>0</v>
      </c>
      <c r="K324" s="39">
        <v>0</v>
      </c>
      <c r="L324" s="41">
        <v>0</v>
      </c>
      <c r="M324" s="9">
        <v>15.4407</v>
      </c>
      <c r="N324" s="39">
        <v>14.8507</v>
      </c>
      <c r="O324" s="40">
        <v>0.59000000000000008</v>
      </c>
      <c r="P324" s="9">
        <v>125.83591111111112</v>
      </c>
      <c r="Q324" s="39">
        <v>124.34391111111111</v>
      </c>
      <c r="R324" s="40">
        <v>1.492</v>
      </c>
      <c r="S324" s="9">
        <v>1.51</v>
      </c>
      <c r="T324" s="39">
        <v>1.51</v>
      </c>
      <c r="U324" s="40">
        <v>0</v>
      </c>
      <c r="V324" s="9">
        <v>0</v>
      </c>
      <c r="W324" s="39">
        <v>0</v>
      </c>
      <c r="X324" s="40">
        <v>0</v>
      </c>
      <c r="Y324" s="9">
        <v>2.85</v>
      </c>
      <c r="Z324" s="39">
        <v>2.85</v>
      </c>
      <c r="AA324" s="40">
        <v>0</v>
      </c>
    </row>
    <row r="325" spans="1:27" s="12" customFormat="1" ht="11.25" x14ac:dyDescent="0.25">
      <c r="A325" s="151"/>
      <c r="B325" s="154"/>
      <c r="C325" s="13" t="s">
        <v>63</v>
      </c>
      <c r="D325" s="18">
        <v>18.799999999999997</v>
      </c>
      <c r="E325" s="7">
        <v>18.799999999999997</v>
      </c>
      <c r="F325" s="8">
        <v>0</v>
      </c>
      <c r="G325" s="9">
        <v>1.5</v>
      </c>
      <c r="H325" s="16">
        <v>1.5</v>
      </c>
      <c r="I325" s="42">
        <v>0</v>
      </c>
      <c r="J325" s="9">
        <v>0</v>
      </c>
      <c r="K325" s="16">
        <v>0</v>
      </c>
      <c r="L325" s="42">
        <v>0</v>
      </c>
      <c r="M325" s="9">
        <v>0</v>
      </c>
      <c r="N325" s="16">
        <v>0</v>
      </c>
      <c r="O325" s="17">
        <v>0</v>
      </c>
      <c r="P325" s="9">
        <v>17.299999999999997</v>
      </c>
      <c r="Q325" s="16">
        <v>17.299999999999997</v>
      </c>
      <c r="R325" s="17">
        <v>0</v>
      </c>
      <c r="S325" s="9">
        <v>0</v>
      </c>
      <c r="T325" s="16">
        <v>0</v>
      </c>
      <c r="U325" s="17">
        <v>0</v>
      </c>
      <c r="V325" s="9">
        <v>0</v>
      </c>
      <c r="W325" s="35">
        <v>0</v>
      </c>
      <c r="X325" s="36">
        <v>0</v>
      </c>
      <c r="Y325" s="9">
        <v>0</v>
      </c>
      <c r="Z325" s="16">
        <v>0</v>
      </c>
      <c r="AA325" s="17">
        <v>0</v>
      </c>
    </row>
    <row r="326" spans="1:27" s="12" customFormat="1" ht="11.25" x14ac:dyDescent="0.25">
      <c r="A326" s="163"/>
      <c r="B326" s="162"/>
      <c r="C326" s="15" t="s">
        <v>64</v>
      </c>
      <c r="D326" s="18">
        <v>0</v>
      </c>
      <c r="E326" s="7">
        <v>0</v>
      </c>
      <c r="F326" s="8">
        <v>0</v>
      </c>
      <c r="G326" s="9">
        <v>0</v>
      </c>
      <c r="H326" s="16">
        <v>0</v>
      </c>
      <c r="I326" s="42">
        <v>0</v>
      </c>
      <c r="J326" s="9">
        <v>0</v>
      </c>
      <c r="K326" s="16">
        <v>0</v>
      </c>
      <c r="L326" s="42">
        <v>0</v>
      </c>
      <c r="M326" s="9">
        <v>0</v>
      </c>
      <c r="N326" s="16">
        <v>0</v>
      </c>
      <c r="O326" s="17">
        <v>0</v>
      </c>
      <c r="P326" s="9">
        <v>0</v>
      </c>
      <c r="Q326" s="16">
        <v>0</v>
      </c>
      <c r="R326" s="17">
        <v>0</v>
      </c>
      <c r="S326" s="9">
        <v>0</v>
      </c>
      <c r="T326" s="16">
        <v>0</v>
      </c>
      <c r="U326" s="17">
        <v>0</v>
      </c>
      <c r="V326" s="9">
        <v>0</v>
      </c>
      <c r="W326" s="35">
        <v>0</v>
      </c>
      <c r="X326" s="36">
        <v>0</v>
      </c>
      <c r="Y326" s="9">
        <v>0</v>
      </c>
      <c r="Z326" s="16">
        <v>0</v>
      </c>
      <c r="AA326" s="17">
        <v>0</v>
      </c>
    </row>
    <row r="327" spans="1:27" s="12" customFormat="1" ht="12" thickBot="1" x14ac:dyDescent="0.3">
      <c r="A327" s="152"/>
      <c r="B327" s="155"/>
      <c r="C327" s="43" t="s">
        <v>65</v>
      </c>
      <c r="D327" s="44">
        <v>0</v>
      </c>
      <c r="E327" s="7">
        <v>0</v>
      </c>
      <c r="F327" s="8">
        <v>0</v>
      </c>
      <c r="G327" s="9">
        <v>0</v>
      </c>
      <c r="H327" s="45">
        <v>0</v>
      </c>
      <c r="I327" s="47">
        <v>0</v>
      </c>
      <c r="J327" s="9">
        <v>0</v>
      </c>
      <c r="K327" s="45">
        <v>0</v>
      </c>
      <c r="L327" s="47">
        <v>0</v>
      </c>
      <c r="M327" s="9">
        <v>0</v>
      </c>
      <c r="N327" s="45">
        <v>0</v>
      </c>
      <c r="O327" s="46">
        <v>0</v>
      </c>
      <c r="P327" s="9">
        <v>0</v>
      </c>
      <c r="Q327" s="45">
        <v>0</v>
      </c>
      <c r="R327" s="46">
        <v>0</v>
      </c>
      <c r="S327" s="9">
        <v>0</v>
      </c>
      <c r="T327" s="45">
        <v>0</v>
      </c>
      <c r="U327" s="46">
        <v>0</v>
      </c>
      <c r="V327" s="9">
        <v>0</v>
      </c>
      <c r="W327" s="49">
        <v>0</v>
      </c>
      <c r="X327" s="48">
        <v>0</v>
      </c>
      <c r="Y327" s="9">
        <v>0</v>
      </c>
      <c r="Z327" s="45">
        <v>0</v>
      </c>
      <c r="AA327" s="46">
        <v>0</v>
      </c>
    </row>
    <row r="328" spans="1:27" s="12" customFormat="1" ht="11.25" x14ac:dyDescent="0.25">
      <c r="A328" s="150">
        <v>86</v>
      </c>
      <c r="B328" s="153" t="s">
        <v>129</v>
      </c>
      <c r="C328" s="37" t="s">
        <v>44</v>
      </c>
      <c r="D328" s="38">
        <v>48.267855555555556</v>
      </c>
      <c r="E328" s="7">
        <v>47.717855555555559</v>
      </c>
      <c r="F328" s="8">
        <v>0.55000000000000004</v>
      </c>
      <c r="G328" s="9">
        <v>20.095555555555556</v>
      </c>
      <c r="H328" s="39">
        <v>20.095555555555556</v>
      </c>
      <c r="I328" s="41">
        <v>0</v>
      </c>
      <c r="J328" s="9">
        <v>0</v>
      </c>
      <c r="K328" s="39">
        <v>0</v>
      </c>
      <c r="L328" s="41">
        <v>0</v>
      </c>
      <c r="M328" s="9">
        <v>8.66</v>
      </c>
      <c r="N328" s="39">
        <v>8.66</v>
      </c>
      <c r="O328" s="40">
        <v>0</v>
      </c>
      <c r="P328" s="9">
        <v>18.972300000000001</v>
      </c>
      <c r="Q328" s="39">
        <v>18.4223</v>
      </c>
      <c r="R328" s="40">
        <v>0.55000000000000004</v>
      </c>
      <c r="S328" s="9">
        <v>0.54</v>
      </c>
      <c r="T328" s="39">
        <v>0.54</v>
      </c>
      <c r="U328" s="40">
        <v>0</v>
      </c>
      <c r="V328" s="9">
        <v>0</v>
      </c>
      <c r="W328" s="39">
        <v>0</v>
      </c>
      <c r="X328" s="40">
        <v>0</v>
      </c>
      <c r="Y328" s="9">
        <v>0</v>
      </c>
      <c r="Z328" s="39">
        <v>0</v>
      </c>
      <c r="AA328" s="40">
        <v>0</v>
      </c>
    </row>
    <row r="329" spans="1:27" s="12" customFormat="1" ht="11.25" x14ac:dyDescent="0.25">
      <c r="A329" s="151"/>
      <c r="B329" s="154"/>
      <c r="C329" s="13" t="s">
        <v>63</v>
      </c>
      <c r="D329" s="18">
        <v>3.4878</v>
      </c>
      <c r="E329" s="7">
        <v>2.8677999999999999</v>
      </c>
      <c r="F329" s="8">
        <v>0.62000000000000011</v>
      </c>
      <c r="G329" s="9">
        <v>0</v>
      </c>
      <c r="H329" s="16">
        <v>0</v>
      </c>
      <c r="I329" s="42">
        <v>0</v>
      </c>
      <c r="J329" s="9">
        <v>0</v>
      </c>
      <c r="K329" s="16">
        <v>0</v>
      </c>
      <c r="L329" s="42">
        <v>0</v>
      </c>
      <c r="M329" s="9">
        <v>0.34</v>
      </c>
      <c r="N329" s="16">
        <v>0</v>
      </c>
      <c r="O329" s="17">
        <v>0.34</v>
      </c>
      <c r="P329" s="9">
        <v>3.1478000000000002</v>
      </c>
      <c r="Q329" s="16">
        <v>2.8677999999999999</v>
      </c>
      <c r="R329" s="17">
        <v>0.28000000000000003</v>
      </c>
      <c r="S329" s="9">
        <v>0</v>
      </c>
      <c r="T329" s="16">
        <v>0</v>
      </c>
      <c r="U329" s="17">
        <v>0</v>
      </c>
      <c r="V329" s="9">
        <v>0</v>
      </c>
      <c r="W329" s="35">
        <v>0</v>
      </c>
      <c r="X329" s="36">
        <v>0</v>
      </c>
      <c r="Y329" s="9">
        <v>0</v>
      </c>
      <c r="Z329" s="16">
        <v>0</v>
      </c>
      <c r="AA329" s="17">
        <v>0</v>
      </c>
    </row>
    <row r="330" spans="1:27" s="12" customFormat="1" ht="11.25" x14ac:dyDescent="0.25">
      <c r="A330" s="163"/>
      <c r="B330" s="162"/>
      <c r="C330" s="15" t="s">
        <v>64</v>
      </c>
      <c r="D330" s="18">
        <v>0</v>
      </c>
      <c r="E330" s="7">
        <v>0</v>
      </c>
      <c r="F330" s="8">
        <v>0</v>
      </c>
      <c r="G330" s="9">
        <v>0</v>
      </c>
      <c r="H330" s="16">
        <v>0</v>
      </c>
      <c r="I330" s="42">
        <v>0</v>
      </c>
      <c r="J330" s="9">
        <v>0</v>
      </c>
      <c r="K330" s="16">
        <v>0</v>
      </c>
      <c r="L330" s="42">
        <v>0</v>
      </c>
      <c r="M330" s="9">
        <v>0</v>
      </c>
      <c r="N330" s="16">
        <v>0</v>
      </c>
      <c r="O330" s="17">
        <v>0</v>
      </c>
      <c r="P330" s="9">
        <v>0</v>
      </c>
      <c r="Q330" s="16">
        <v>0</v>
      </c>
      <c r="R330" s="17">
        <v>0</v>
      </c>
      <c r="S330" s="9">
        <v>0</v>
      </c>
      <c r="T330" s="16">
        <v>0</v>
      </c>
      <c r="U330" s="17">
        <v>0</v>
      </c>
      <c r="V330" s="9">
        <v>0</v>
      </c>
      <c r="W330" s="35">
        <v>0</v>
      </c>
      <c r="X330" s="36">
        <v>0</v>
      </c>
      <c r="Y330" s="9">
        <v>0</v>
      </c>
      <c r="Z330" s="16">
        <v>0</v>
      </c>
      <c r="AA330" s="17">
        <v>0</v>
      </c>
    </row>
    <row r="331" spans="1:27" s="12" customFormat="1" ht="12" thickBot="1" x14ac:dyDescent="0.3">
      <c r="A331" s="163"/>
      <c r="B331" s="162"/>
      <c r="C331" s="15" t="s">
        <v>65</v>
      </c>
      <c r="D331" s="19">
        <v>3.1100000000000003</v>
      </c>
      <c r="E331" s="20">
        <v>2</v>
      </c>
      <c r="F331" s="21">
        <v>1.1100000000000001</v>
      </c>
      <c r="G331" s="22">
        <v>3.1100000000000003</v>
      </c>
      <c r="H331" s="23">
        <v>2</v>
      </c>
      <c r="I331" s="58">
        <v>1.1100000000000001</v>
      </c>
      <c r="J331" s="22">
        <v>0</v>
      </c>
      <c r="K331" s="23">
        <v>0</v>
      </c>
      <c r="L331" s="58">
        <v>0</v>
      </c>
      <c r="M331" s="22">
        <v>0</v>
      </c>
      <c r="N331" s="23">
        <v>0</v>
      </c>
      <c r="O331" s="24">
        <v>0</v>
      </c>
      <c r="P331" s="22">
        <v>0</v>
      </c>
      <c r="Q331" s="23">
        <v>0</v>
      </c>
      <c r="R331" s="24">
        <v>0</v>
      </c>
      <c r="S331" s="22">
        <v>0</v>
      </c>
      <c r="T331" s="23">
        <v>0</v>
      </c>
      <c r="U331" s="24">
        <v>0</v>
      </c>
      <c r="V331" s="22">
        <v>0</v>
      </c>
      <c r="W331" s="70">
        <v>0</v>
      </c>
      <c r="X331" s="71">
        <v>0</v>
      </c>
      <c r="Y331" s="22">
        <v>0</v>
      </c>
      <c r="Z331" s="23">
        <v>0</v>
      </c>
      <c r="AA331" s="24">
        <v>0</v>
      </c>
    </row>
    <row r="332" spans="1:27" s="76" customFormat="1" ht="12" thickBot="1" x14ac:dyDescent="0.3">
      <c r="A332" s="174" t="s">
        <v>130</v>
      </c>
      <c r="B332" s="175"/>
      <c r="C332" s="176"/>
      <c r="D332" s="72">
        <v>11113.669373472221</v>
      </c>
      <c r="E332" s="26">
        <v>9089.3037440277785</v>
      </c>
      <c r="F332" s="26">
        <v>2024.3656294444443</v>
      </c>
      <c r="G332" s="27">
        <v>8510.0693512500002</v>
      </c>
      <c r="H332" s="73">
        <v>7110.6136329166657</v>
      </c>
      <c r="I332" s="75">
        <v>1399.4557183333332</v>
      </c>
      <c r="J332" s="27">
        <v>73.287999999999997</v>
      </c>
      <c r="K332" s="73">
        <v>52.317999999999991</v>
      </c>
      <c r="L332" s="75">
        <v>20.97</v>
      </c>
      <c r="M332" s="27">
        <v>1637.6191333333334</v>
      </c>
      <c r="N332" s="73">
        <v>1234.6463111111111</v>
      </c>
      <c r="O332" s="74">
        <v>402.97282222222225</v>
      </c>
      <c r="P332" s="27">
        <v>592.21325555555541</v>
      </c>
      <c r="Q332" s="73">
        <v>509.53312222222212</v>
      </c>
      <c r="R332" s="74">
        <v>82.680133333333345</v>
      </c>
      <c r="S332" s="27">
        <v>226.46533333333326</v>
      </c>
      <c r="T332" s="73">
        <v>141.5513777777777</v>
      </c>
      <c r="U332" s="74">
        <v>84.91395555555556</v>
      </c>
      <c r="V332" s="27">
        <v>15.46</v>
      </c>
      <c r="W332" s="73">
        <v>8.9400000000000013</v>
      </c>
      <c r="X332" s="74">
        <v>6.5200000000000005</v>
      </c>
      <c r="Y332" s="27">
        <v>58.554300000000012</v>
      </c>
      <c r="Z332" s="73">
        <v>31.701300000000007</v>
      </c>
      <c r="AA332" s="74">
        <v>26.853000000000005</v>
      </c>
    </row>
    <row r="333" spans="1:27" s="12" customFormat="1" ht="11.25" x14ac:dyDescent="0.25">
      <c r="A333" s="157">
        <v>87</v>
      </c>
      <c r="B333" s="160" t="s">
        <v>131</v>
      </c>
      <c r="C333" s="5" t="s">
        <v>44</v>
      </c>
      <c r="D333" s="14">
        <v>1420.2044538383839</v>
      </c>
      <c r="E333" s="30">
        <v>1178.3852843939394</v>
      </c>
      <c r="F333" s="31">
        <v>241.81916944444441</v>
      </c>
      <c r="G333" s="9">
        <v>749.52187967171733</v>
      </c>
      <c r="H333" s="16">
        <v>639.78308522727286</v>
      </c>
      <c r="I333" s="42">
        <v>109.73879444444445</v>
      </c>
      <c r="J333" s="9">
        <v>18.911200000000001</v>
      </c>
      <c r="K333" s="16">
        <v>13.831200000000001</v>
      </c>
      <c r="L333" s="42">
        <v>5.08</v>
      </c>
      <c r="M333" s="9">
        <v>379.70122416666663</v>
      </c>
      <c r="N333" s="16">
        <v>304.74848249999997</v>
      </c>
      <c r="O333" s="17">
        <v>74.952741666666668</v>
      </c>
      <c r="P333" s="9">
        <v>213.36105000000001</v>
      </c>
      <c r="Q333" s="16">
        <v>183.47701666666669</v>
      </c>
      <c r="R333" s="17">
        <v>29.884033333333335</v>
      </c>
      <c r="S333" s="9">
        <v>32.825000000000003</v>
      </c>
      <c r="T333" s="16">
        <v>23.165000000000003</v>
      </c>
      <c r="U333" s="17">
        <v>9.66</v>
      </c>
      <c r="V333" s="9">
        <v>4.1400000000000006</v>
      </c>
      <c r="W333" s="16">
        <v>1.7200000000000002</v>
      </c>
      <c r="X333" s="17">
        <v>2.42</v>
      </c>
      <c r="Y333" s="9">
        <v>21.7441</v>
      </c>
      <c r="Z333" s="77">
        <v>11.660500000000001</v>
      </c>
      <c r="AA333" s="17">
        <v>10.083599999999999</v>
      </c>
    </row>
    <row r="334" spans="1:27" s="12" customFormat="1" ht="11.25" x14ac:dyDescent="0.25">
      <c r="A334" s="157"/>
      <c r="B334" s="160"/>
      <c r="C334" s="13" t="s">
        <v>63</v>
      </c>
      <c r="D334" s="18">
        <v>58.3446</v>
      </c>
      <c r="E334" s="7">
        <v>47.669600000000003</v>
      </c>
      <c r="F334" s="8">
        <v>10.675000000000001</v>
      </c>
      <c r="G334" s="9">
        <v>26.529600000000002</v>
      </c>
      <c r="H334" s="16">
        <v>24.599599999999999</v>
      </c>
      <c r="I334" s="42">
        <v>1.93</v>
      </c>
      <c r="J334" s="9">
        <v>0</v>
      </c>
      <c r="K334" s="16">
        <v>0</v>
      </c>
      <c r="L334" s="42">
        <v>0</v>
      </c>
      <c r="M334" s="9">
        <v>10.559999999999999</v>
      </c>
      <c r="N334" s="16">
        <v>6.99</v>
      </c>
      <c r="O334" s="17">
        <v>3.57</v>
      </c>
      <c r="P334" s="9">
        <v>12.298999999999999</v>
      </c>
      <c r="Q334" s="16">
        <v>9.7100000000000009</v>
      </c>
      <c r="R334" s="17">
        <v>2.589</v>
      </c>
      <c r="S334" s="9">
        <v>2.2199999999999998</v>
      </c>
      <c r="T334" s="16">
        <v>2.2199999999999998</v>
      </c>
      <c r="U334" s="17">
        <v>0</v>
      </c>
      <c r="V334" s="9">
        <v>0</v>
      </c>
      <c r="W334" s="16">
        <v>0</v>
      </c>
      <c r="X334" s="17">
        <v>0</v>
      </c>
      <c r="Y334" s="9">
        <v>6.7360000000000007</v>
      </c>
      <c r="Z334" s="78">
        <v>4.1500000000000004</v>
      </c>
      <c r="AA334" s="36">
        <v>2.5859999999999999</v>
      </c>
    </row>
    <row r="335" spans="1:27" s="12" customFormat="1" ht="11.25" x14ac:dyDescent="0.25">
      <c r="A335" s="157"/>
      <c r="B335" s="160"/>
      <c r="C335" s="13" t="s">
        <v>64</v>
      </c>
      <c r="D335" s="18">
        <v>1.5</v>
      </c>
      <c r="E335" s="7">
        <v>1.5</v>
      </c>
      <c r="F335" s="8">
        <v>0</v>
      </c>
      <c r="G335" s="9">
        <v>0.5</v>
      </c>
      <c r="H335" s="16">
        <v>0.5</v>
      </c>
      <c r="I335" s="42">
        <v>0</v>
      </c>
      <c r="J335" s="9">
        <v>0</v>
      </c>
      <c r="K335" s="16">
        <v>0</v>
      </c>
      <c r="L335" s="42">
        <v>0</v>
      </c>
      <c r="M335" s="9">
        <v>1</v>
      </c>
      <c r="N335" s="16">
        <v>1</v>
      </c>
      <c r="O335" s="17">
        <v>0</v>
      </c>
      <c r="P335" s="9">
        <v>0</v>
      </c>
      <c r="Q335" s="16">
        <v>0</v>
      </c>
      <c r="R335" s="17">
        <v>0</v>
      </c>
      <c r="S335" s="9">
        <v>0</v>
      </c>
      <c r="T335" s="16">
        <v>0</v>
      </c>
      <c r="U335" s="17">
        <v>0</v>
      </c>
      <c r="V335" s="9">
        <v>0</v>
      </c>
      <c r="W335" s="16">
        <v>0</v>
      </c>
      <c r="X335" s="17">
        <v>0</v>
      </c>
      <c r="Y335" s="9">
        <v>0</v>
      </c>
      <c r="Z335" s="78">
        <v>0</v>
      </c>
      <c r="AA335" s="36">
        <v>0</v>
      </c>
    </row>
    <row r="336" spans="1:27" s="12" customFormat="1" ht="28.5" customHeight="1" thickBot="1" x14ac:dyDescent="0.3">
      <c r="A336" s="158"/>
      <c r="B336" s="161"/>
      <c r="C336" s="43" t="s">
        <v>65</v>
      </c>
      <c r="D336" s="44">
        <v>0</v>
      </c>
      <c r="E336" s="7">
        <v>0</v>
      </c>
      <c r="F336" s="8">
        <v>0</v>
      </c>
      <c r="G336" s="9">
        <v>0</v>
      </c>
      <c r="H336" s="45">
        <v>0</v>
      </c>
      <c r="I336" s="47">
        <v>0</v>
      </c>
      <c r="J336" s="9">
        <v>0</v>
      </c>
      <c r="K336" s="45">
        <v>0</v>
      </c>
      <c r="L336" s="47">
        <v>0</v>
      </c>
      <c r="M336" s="9">
        <v>0</v>
      </c>
      <c r="N336" s="45">
        <v>0</v>
      </c>
      <c r="O336" s="46">
        <v>0</v>
      </c>
      <c r="P336" s="9">
        <v>0</v>
      </c>
      <c r="Q336" s="45">
        <v>0</v>
      </c>
      <c r="R336" s="46">
        <v>0</v>
      </c>
      <c r="S336" s="9">
        <v>0</v>
      </c>
      <c r="T336" s="45">
        <v>0</v>
      </c>
      <c r="U336" s="46">
        <v>0</v>
      </c>
      <c r="V336" s="9">
        <v>0</v>
      </c>
      <c r="W336" s="45">
        <v>0</v>
      </c>
      <c r="X336" s="46">
        <v>0</v>
      </c>
      <c r="Y336" s="9">
        <v>0</v>
      </c>
      <c r="Z336" s="79">
        <v>0</v>
      </c>
      <c r="AA336" s="48">
        <v>0</v>
      </c>
    </row>
    <row r="337" spans="1:27" s="12" customFormat="1" ht="11.25" x14ac:dyDescent="0.25">
      <c r="A337" s="150">
        <v>88</v>
      </c>
      <c r="B337" s="153" t="s">
        <v>132</v>
      </c>
      <c r="C337" s="37" t="s">
        <v>44</v>
      </c>
      <c r="D337" s="38">
        <v>355.08789166666662</v>
      </c>
      <c r="E337" s="7">
        <v>325.49789166666665</v>
      </c>
      <c r="F337" s="8">
        <v>29.589999999999993</v>
      </c>
      <c r="G337" s="9">
        <v>225.11777499999999</v>
      </c>
      <c r="H337" s="39">
        <v>211.84777500000001</v>
      </c>
      <c r="I337" s="41">
        <v>13.269999999999998</v>
      </c>
      <c r="J337" s="9">
        <v>6.45</v>
      </c>
      <c r="K337" s="39">
        <v>4.09</v>
      </c>
      <c r="L337" s="41">
        <v>2.36</v>
      </c>
      <c r="M337" s="9">
        <v>61.491533333333344</v>
      </c>
      <c r="N337" s="39">
        <v>54.701533333333344</v>
      </c>
      <c r="O337" s="40">
        <v>6.7899999999999991</v>
      </c>
      <c r="P337" s="9">
        <v>44.643999999999991</v>
      </c>
      <c r="Q337" s="39">
        <v>42.203999999999994</v>
      </c>
      <c r="R337" s="40">
        <v>2.44</v>
      </c>
      <c r="S337" s="9">
        <v>8.6145833333333321</v>
      </c>
      <c r="T337" s="39">
        <v>5.7445833333333329</v>
      </c>
      <c r="U337" s="40">
        <v>2.87</v>
      </c>
      <c r="V337" s="9">
        <v>2.6799999999999997</v>
      </c>
      <c r="W337" s="39">
        <v>2.6799999999999997</v>
      </c>
      <c r="X337" s="40">
        <v>0</v>
      </c>
      <c r="Y337" s="9">
        <v>6.09</v>
      </c>
      <c r="Z337" s="80">
        <v>4.2300000000000004</v>
      </c>
      <c r="AA337" s="40">
        <v>1.8599999999999999</v>
      </c>
    </row>
    <row r="338" spans="1:27" s="12" customFormat="1" ht="11.25" x14ac:dyDescent="0.25">
      <c r="A338" s="151"/>
      <c r="B338" s="154"/>
      <c r="C338" s="13" t="s">
        <v>63</v>
      </c>
      <c r="D338" s="18">
        <v>15.84</v>
      </c>
      <c r="E338" s="7">
        <v>14.64</v>
      </c>
      <c r="F338" s="8">
        <v>1.2000000000000002</v>
      </c>
      <c r="G338" s="9">
        <v>6.4499999999999993</v>
      </c>
      <c r="H338" s="16">
        <v>5.91</v>
      </c>
      <c r="I338" s="42">
        <v>0.54</v>
      </c>
      <c r="J338" s="9">
        <v>0.39</v>
      </c>
      <c r="K338" s="16">
        <v>0.39</v>
      </c>
      <c r="L338" s="42">
        <v>0</v>
      </c>
      <c r="M338" s="9">
        <v>4.09</v>
      </c>
      <c r="N338" s="16">
        <v>3.4299999999999997</v>
      </c>
      <c r="O338" s="17">
        <v>0.66</v>
      </c>
      <c r="P338" s="9">
        <v>3.92</v>
      </c>
      <c r="Q338" s="16">
        <v>3.92</v>
      </c>
      <c r="R338" s="17">
        <v>0</v>
      </c>
      <c r="S338" s="9">
        <v>0.25</v>
      </c>
      <c r="T338" s="16">
        <v>0.25</v>
      </c>
      <c r="U338" s="17">
        <v>0</v>
      </c>
      <c r="V338" s="9">
        <v>0</v>
      </c>
      <c r="W338" s="16">
        <v>0</v>
      </c>
      <c r="X338" s="17">
        <v>0</v>
      </c>
      <c r="Y338" s="9">
        <v>0.74</v>
      </c>
      <c r="Z338" s="78">
        <v>0.74</v>
      </c>
      <c r="AA338" s="36">
        <v>0</v>
      </c>
    </row>
    <row r="339" spans="1:27" s="12" customFormat="1" ht="11.25" x14ac:dyDescent="0.25">
      <c r="A339" s="151"/>
      <c r="B339" s="154"/>
      <c r="C339" s="13" t="s">
        <v>64</v>
      </c>
      <c r="D339" s="18">
        <v>0</v>
      </c>
      <c r="E339" s="7">
        <v>0</v>
      </c>
      <c r="F339" s="8">
        <v>0</v>
      </c>
      <c r="G339" s="9">
        <v>0</v>
      </c>
      <c r="H339" s="16">
        <v>0</v>
      </c>
      <c r="I339" s="42">
        <v>0</v>
      </c>
      <c r="J339" s="9">
        <v>0</v>
      </c>
      <c r="K339" s="16">
        <v>0</v>
      </c>
      <c r="L339" s="42">
        <v>0</v>
      </c>
      <c r="M339" s="9">
        <v>0</v>
      </c>
      <c r="N339" s="16">
        <v>0</v>
      </c>
      <c r="O339" s="17">
        <v>0</v>
      </c>
      <c r="P339" s="9">
        <v>0</v>
      </c>
      <c r="Q339" s="16">
        <v>0</v>
      </c>
      <c r="R339" s="17">
        <v>0</v>
      </c>
      <c r="S339" s="9">
        <v>0</v>
      </c>
      <c r="T339" s="16">
        <v>0</v>
      </c>
      <c r="U339" s="17">
        <v>0</v>
      </c>
      <c r="V339" s="9">
        <v>0</v>
      </c>
      <c r="W339" s="16">
        <v>0</v>
      </c>
      <c r="X339" s="17">
        <v>0</v>
      </c>
      <c r="Y339" s="9">
        <v>0</v>
      </c>
      <c r="Z339" s="78">
        <v>0</v>
      </c>
      <c r="AA339" s="36">
        <v>0</v>
      </c>
    </row>
    <row r="340" spans="1:27" s="12" customFormat="1" ht="21" customHeight="1" thickBot="1" x14ac:dyDescent="0.3">
      <c r="A340" s="152"/>
      <c r="B340" s="155"/>
      <c r="C340" s="43" t="s">
        <v>65</v>
      </c>
      <c r="D340" s="44">
        <v>0</v>
      </c>
      <c r="E340" s="7">
        <v>0</v>
      </c>
      <c r="F340" s="8">
        <v>0</v>
      </c>
      <c r="G340" s="9">
        <v>0</v>
      </c>
      <c r="H340" s="45">
        <v>0</v>
      </c>
      <c r="I340" s="47">
        <v>0</v>
      </c>
      <c r="J340" s="9">
        <v>0</v>
      </c>
      <c r="K340" s="45">
        <v>0</v>
      </c>
      <c r="L340" s="47">
        <v>0</v>
      </c>
      <c r="M340" s="9">
        <v>0</v>
      </c>
      <c r="N340" s="45">
        <v>0</v>
      </c>
      <c r="O340" s="46">
        <v>0</v>
      </c>
      <c r="P340" s="9">
        <v>0</v>
      </c>
      <c r="Q340" s="45">
        <v>0</v>
      </c>
      <c r="R340" s="46">
        <v>0</v>
      </c>
      <c r="S340" s="9">
        <v>0</v>
      </c>
      <c r="T340" s="45">
        <v>0</v>
      </c>
      <c r="U340" s="46">
        <v>0</v>
      </c>
      <c r="V340" s="9">
        <v>0</v>
      </c>
      <c r="W340" s="45">
        <v>0</v>
      </c>
      <c r="X340" s="46">
        <v>0</v>
      </c>
      <c r="Y340" s="9">
        <v>0</v>
      </c>
      <c r="Z340" s="79">
        <v>0</v>
      </c>
      <c r="AA340" s="48">
        <v>0</v>
      </c>
    </row>
    <row r="341" spans="1:27" s="12" customFormat="1" ht="11.25" x14ac:dyDescent="0.25">
      <c r="A341" s="150">
        <v>89</v>
      </c>
      <c r="B341" s="153" t="s">
        <v>133</v>
      </c>
      <c r="C341" s="37" t="s">
        <v>44</v>
      </c>
      <c r="D341" s="38">
        <v>126.86174333333331</v>
      </c>
      <c r="E341" s="7">
        <v>122.4917433333333</v>
      </c>
      <c r="F341" s="8">
        <v>4.37</v>
      </c>
      <c r="G341" s="9">
        <v>80.770843333333318</v>
      </c>
      <c r="H341" s="39">
        <v>80.110843333333321</v>
      </c>
      <c r="I341" s="41">
        <v>0.66000000000000014</v>
      </c>
      <c r="J341" s="9">
        <v>0</v>
      </c>
      <c r="K341" s="39">
        <v>0</v>
      </c>
      <c r="L341" s="41">
        <v>0</v>
      </c>
      <c r="M341" s="9">
        <v>20.750899999999998</v>
      </c>
      <c r="N341" s="39">
        <v>19.1309</v>
      </c>
      <c r="O341" s="40">
        <v>1.6199999999999999</v>
      </c>
      <c r="P341" s="9">
        <v>20.099999999999998</v>
      </c>
      <c r="Q341" s="39">
        <v>19.849999999999998</v>
      </c>
      <c r="R341" s="40">
        <v>0.25</v>
      </c>
      <c r="S341" s="9">
        <v>3.46</v>
      </c>
      <c r="T341" s="39">
        <v>2.19</v>
      </c>
      <c r="U341" s="40">
        <v>1.27</v>
      </c>
      <c r="V341" s="9">
        <v>0.33</v>
      </c>
      <c r="W341" s="39">
        <v>0</v>
      </c>
      <c r="X341" s="40">
        <v>0.33</v>
      </c>
      <c r="Y341" s="9">
        <v>1.45</v>
      </c>
      <c r="Z341" s="80">
        <v>1.21</v>
      </c>
      <c r="AA341" s="40">
        <v>0.24</v>
      </c>
    </row>
    <row r="342" spans="1:27" s="12" customFormat="1" ht="11.25" x14ac:dyDescent="0.25">
      <c r="A342" s="151"/>
      <c r="B342" s="154"/>
      <c r="C342" s="13" t="s">
        <v>63</v>
      </c>
      <c r="D342" s="18">
        <v>11.629999999999999</v>
      </c>
      <c r="E342" s="7">
        <v>11.129999999999999</v>
      </c>
      <c r="F342" s="8">
        <v>0.5</v>
      </c>
      <c r="G342" s="9">
        <v>1.7999999999999998</v>
      </c>
      <c r="H342" s="16">
        <v>1.6199999999999999</v>
      </c>
      <c r="I342" s="42">
        <v>0.18</v>
      </c>
      <c r="J342" s="9">
        <v>0</v>
      </c>
      <c r="K342" s="16">
        <v>0</v>
      </c>
      <c r="L342" s="42">
        <v>0</v>
      </c>
      <c r="M342" s="9">
        <v>3.55</v>
      </c>
      <c r="N342" s="16">
        <v>3.23</v>
      </c>
      <c r="O342" s="17">
        <v>0.32</v>
      </c>
      <c r="P342" s="9">
        <v>5.8500000000000005</v>
      </c>
      <c r="Q342" s="16">
        <v>5.8500000000000005</v>
      </c>
      <c r="R342" s="17">
        <v>0</v>
      </c>
      <c r="S342" s="9">
        <v>0.14000000000000001</v>
      </c>
      <c r="T342" s="16">
        <v>0.14000000000000001</v>
      </c>
      <c r="U342" s="17">
        <v>0</v>
      </c>
      <c r="V342" s="9">
        <v>0</v>
      </c>
      <c r="W342" s="16">
        <v>0</v>
      </c>
      <c r="X342" s="17">
        <v>0</v>
      </c>
      <c r="Y342" s="9">
        <v>0.28999999999999998</v>
      </c>
      <c r="Z342" s="78">
        <v>0.28999999999999998</v>
      </c>
      <c r="AA342" s="36">
        <v>0</v>
      </c>
    </row>
    <row r="343" spans="1:27" s="12" customFormat="1" ht="11.25" x14ac:dyDescent="0.25">
      <c r="A343" s="151"/>
      <c r="B343" s="154"/>
      <c r="C343" s="13" t="s">
        <v>64</v>
      </c>
      <c r="D343" s="18">
        <v>0</v>
      </c>
      <c r="E343" s="7">
        <v>0</v>
      </c>
      <c r="F343" s="8">
        <v>0</v>
      </c>
      <c r="G343" s="9">
        <v>0</v>
      </c>
      <c r="H343" s="16">
        <v>0</v>
      </c>
      <c r="I343" s="42">
        <v>0</v>
      </c>
      <c r="J343" s="9">
        <v>0</v>
      </c>
      <c r="K343" s="16">
        <v>0</v>
      </c>
      <c r="L343" s="42">
        <v>0</v>
      </c>
      <c r="M343" s="9">
        <v>0</v>
      </c>
      <c r="N343" s="16">
        <v>0</v>
      </c>
      <c r="O343" s="17">
        <v>0</v>
      </c>
      <c r="P343" s="9">
        <v>0</v>
      </c>
      <c r="Q343" s="16">
        <v>0</v>
      </c>
      <c r="R343" s="17">
        <v>0</v>
      </c>
      <c r="S343" s="9">
        <v>0</v>
      </c>
      <c r="T343" s="16">
        <v>0</v>
      </c>
      <c r="U343" s="17">
        <v>0</v>
      </c>
      <c r="V343" s="9">
        <v>0</v>
      </c>
      <c r="W343" s="16">
        <v>0</v>
      </c>
      <c r="X343" s="17">
        <v>0</v>
      </c>
      <c r="Y343" s="9">
        <v>0</v>
      </c>
      <c r="Z343" s="78">
        <v>0</v>
      </c>
      <c r="AA343" s="36">
        <v>0</v>
      </c>
    </row>
    <row r="344" spans="1:27" s="12" customFormat="1" ht="12" thickBot="1" x14ac:dyDescent="0.3">
      <c r="A344" s="152"/>
      <c r="B344" s="155"/>
      <c r="C344" s="43" t="s">
        <v>65</v>
      </c>
      <c r="D344" s="44">
        <v>0</v>
      </c>
      <c r="E344" s="7">
        <v>0</v>
      </c>
      <c r="F344" s="8">
        <v>0</v>
      </c>
      <c r="G344" s="9">
        <v>0</v>
      </c>
      <c r="H344" s="45">
        <v>0</v>
      </c>
      <c r="I344" s="47">
        <v>0</v>
      </c>
      <c r="J344" s="9">
        <v>0</v>
      </c>
      <c r="K344" s="45">
        <v>0</v>
      </c>
      <c r="L344" s="47">
        <v>0</v>
      </c>
      <c r="M344" s="9">
        <v>0</v>
      </c>
      <c r="N344" s="45">
        <v>0</v>
      </c>
      <c r="O344" s="46">
        <v>0</v>
      </c>
      <c r="P344" s="9">
        <v>0</v>
      </c>
      <c r="Q344" s="45">
        <v>0</v>
      </c>
      <c r="R344" s="46">
        <v>0</v>
      </c>
      <c r="S344" s="9">
        <v>0</v>
      </c>
      <c r="T344" s="45">
        <v>0</v>
      </c>
      <c r="U344" s="46">
        <v>0</v>
      </c>
      <c r="V344" s="9">
        <v>0</v>
      </c>
      <c r="W344" s="45">
        <v>0</v>
      </c>
      <c r="X344" s="46">
        <v>0</v>
      </c>
      <c r="Y344" s="9">
        <v>0</v>
      </c>
      <c r="Z344" s="79">
        <v>0</v>
      </c>
      <c r="AA344" s="48">
        <v>0</v>
      </c>
    </row>
    <row r="345" spans="1:27" s="12" customFormat="1" ht="11.25" x14ac:dyDescent="0.25">
      <c r="A345" s="150">
        <v>90</v>
      </c>
      <c r="B345" s="153" t="s">
        <v>134</v>
      </c>
      <c r="C345" s="37" t="s">
        <v>44</v>
      </c>
      <c r="D345" s="38">
        <v>302.04498333333333</v>
      </c>
      <c r="E345" s="7">
        <v>218.53498333333337</v>
      </c>
      <c r="F345" s="8">
        <v>83.509999999999991</v>
      </c>
      <c r="G345" s="9">
        <v>202.77458333333334</v>
      </c>
      <c r="H345" s="39">
        <v>150.37458333333333</v>
      </c>
      <c r="I345" s="41">
        <v>52.4</v>
      </c>
      <c r="J345" s="9">
        <v>6.08</v>
      </c>
      <c r="K345" s="39">
        <v>3.94</v>
      </c>
      <c r="L345" s="41">
        <v>2.14</v>
      </c>
      <c r="M345" s="9">
        <v>64.472300000000004</v>
      </c>
      <c r="N345" s="39">
        <v>37.3123</v>
      </c>
      <c r="O345" s="40">
        <v>27.160000000000004</v>
      </c>
      <c r="P345" s="9">
        <v>19.138600000000004</v>
      </c>
      <c r="Q345" s="39">
        <v>17.678600000000003</v>
      </c>
      <c r="R345" s="40">
        <v>1.46</v>
      </c>
      <c r="S345" s="9">
        <v>6.2595000000000001</v>
      </c>
      <c r="T345" s="39">
        <v>5.9095000000000004</v>
      </c>
      <c r="U345" s="40">
        <v>0.35</v>
      </c>
      <c r="V345" s="9">
        <v>0</v>
      </c>
      <c r="W345" s="39">
        <v>0</v>
      </c>
      <c r="X345" s="40">
        <v>0</v>
      </c>
      <c r="Y345" s="9">
        <v>3.3200000000000003</v>
      </c>
      <c r="Z345" s="80">
        <v>3.3200000000000003</v>
      </c>
      <c r="AA345" s="40">
        <v>0</v>
      </c>
    </row>
    <row r="346" spans="1:27" s="12" customFormat="1" ht="11.25" x14ac:dyDescent="0.25">
      <c r="A346" s="151"/>
      <c r="B346" s="154"/>
      <c r="C346" s="13" t="s">
        <v>63</v>
      </c>
      <c r="D346" s="18">
        <v>17.2</v>
      </c>
      <c r="E346" s="7">
        <v>17.2</v>
      </c>
      <c r="F346" s="8">
        <v>0</v>
      </c>
      <c r="G346" s="9">
        <v>11.25</v>
      </c>
      <c r="H346" s="16">
        <v>11.25</v>
      </c>
      <c r="I346" s="42">
        <v>0</v>
      </c>
      <c r="J346" s="9">
        <v>0.32</v>
      </c>
      <c r="K346" s="16">
        <v>0.32</v>
      </c>
      <c r="L346" s="42">
        <v>0</v>
      </c>
      <c r="M346" s="9">
        <v>2.9</v>
      </c>
      <c r="N346" s="16">
        <v>2.9</v>
      </c>
      <c r="O346" s="17">
        <v>0</v>
      </c>
      <c r="P346" s="9">
        <v>0.35</v>
      </c>
      <c r="Q346" s="16">
        <v>0.35</v>
      </c>
      <c r="R346" s="17">
        <v>0</v>
      </c>
      <c r="S346" s="9">
        <v>0</v>
      </c>
      <c r="T346" s="16">
        <v>0</v>
      </c>
      <c r="U346" s="17">
        <v>0</v>
      </c>
      <c r="V346" s="9">
        <v>0.18</v>
      </c>
      <c r="W346" s="16">
        <v>0.18</v>
      </c>
      <c r="X346" s="17">
        <v>0</v>
      </c>
      <c r="Y346" s="9">
        <v>2.2000000000000002</v>
      </c>
      <c r="Z346" s="78">
        <v>2.2000000000000002</v>
      </c>
      <c r="AA346" s="36">
        <v>0</v>
      </c>
    </row>
    <row r="347" spans="1:27" s="12" customFormat="1" ht="11.25" x14ac:dyDescent="0.25">
      <c r="A347" s="151"/>
      <c r="B347" s="154"/>
      <c r="C347" s="13" t="s">
        <v>64</v>
      </c>
      <c r="D347" s="18">
        <v>0</v>
      </c>
      <c r="E347" s="7">
        <v>0</v>
      </c>
      <c r="F347" s="8">
        <v>0</v>
      </c>
      <c r="G347" s="9">
        <v>0</v>
      </c>
      <c r="H347" s="16">
        <v>0</v>
      </c>
      <c r="I347" s="42">
        <v>0</v>
      </c>
      <c r="J347" s="9">
        <v>0</v>
      </c>
      <c r="K347" s="16">
        <v>0</v>
      </c>
      <c r="L347" s="42">
        <v>0</v>
      </c>
      <c r="M347" s="9">
        <v>0</v>
      </c>
      <c r="N347" s="16">
        <v>0</v>
      </c>
      <c r="O347" s="17">
        <v>0</v>
      </c>
      <c r="P347" s="9">
        <v>0</v>
      </c>
      <c r="Q347" s="16">
        <v>0</v>
      </c>
      <c r="R347" s="17">
        <v>0</v>
      </c>
      <c r="S347" s="9">
        <v>0</v>
      </c>
      <c r="T347" s="16">
        <v>0</v>
      </c>
      <c r="U347" s="17">
        <v>0</v>
      </c>
      <c r="V347" s="9">
        <v>0</v>
      </c>
      <c r="W347" s="16">
        <v>0</v>
      </c>
      <c r="X347" s="17">
        <v>0</v>
      </c>
      <c r="Y347" s="9">
        <v>0</v>
      </c>
      <c r="Z347" s="78">
        <v>0</v>
      </c>
      <c r="AA347" s="36">
        <v>0</v>
      </c>
    </row>
    <row r="348" spans="1:27" s="12" customFormat="1" ht="12" thickBot="1" x14ac:dyDescent="0.3">
      <c r="A348" s="152"/>
      <c r="B348" s="155"/>
      <c r="C348" s="43" t="s">
        <v>65</v>
      </c>
      <c r="D348" s="44">
        <v>0</v>
      </c>
      <c r="E348" s="7">
        <v>0</v>
      </c>
      <c r="F348" s="8">
        <v>0</v>
      </c>
      <c r="G348" s="9">
        <v>0</v>
      </c>
      <c r="H348" s="45">
        <v>0</v>
      </c>
      <c r="I348" s="47">
        <v>0</v>
      </c>
      <c r="J348" s="9">
        <v>0</v>
      </c>
      <c r="K348" s="45">
        <v>0</v>
      </c>
      <c r="L348" s="47">
        <v>0</v>
      </c>
      <c r="M348" s="9">
        <v>0</v>
      </c>
      <c r="N348" s="45">
        <v>0</v>
      </c>
      <c r="O348" s="46">
        <v>0</v>
      </c>
      <c r="P348" s="9">
        <v>0</v>
      </c>
      <c r="Q348" s="45">
        <v>0</v>
      </c>
      <c r="R348" s="46">
        <v>0</v>
      </c>
      <c r="S348" s="9">
        <v>0</v>
      </c>
      <c r="T348" s="45">
        <v>0</v>
      </c>
      <c r="U348" s="46">
        <v>0</v>
      </c>
      <c r="V348" s="9">
        <v>0</v>
      </c>
      <c r="W348" s="45">
        <v>0</v>
      </c>
      <c r="X348" s="46">
        <v>0</v>
      </c>
      <c r="Y348" s="9">
        <v>0</v>
      </c>
      <c r="Z348" s="79">
        <v>0</v>
      </c>
      <c r="AA348" s="48">
        <v>0</v>
      </c>
    </row>
    <row r="349" spans="1:27" s="12" customFormat="1" ht="11.25" x14ac:dyDescent="0.25">
      <c r="A349" s="150">
        <v>91</v>
      </c>
      <c r="B349" s="153" t="s">
        <v>135</v>
      </c>
      <c r="C349" s="37" t="s">
        <v>44</v>
      </c>
      <c r="D349" s="38">
        <v>191.69823333333332</v>
      </c>
      <c r="E349" s="7">
        <v>179.68823333333333</v>
      </c>
      <c r="F349" s="8">
        <v>12.010000000000002</v>
      </c>
      <c r="G349" s="9">
        <v>100.73603333333334</v>
      </c>
      <c r="H349" s="39">
        <v>93.436033333333341</v>
      </c>
      <c r="I349" s="41">
        <v>7.3000000000000007</v>
      </c>
      <c r="J349" s="9">
        <v>1.5599999999999998</v>
      </c>
      <c r="K349" s="39">
        <v>1.5599999999999998</v>
      </c>
      <c r="L349" s="41">
        <v>0</v>
      </c>
      <c r="M349" s="9">
        <v>45.362200000000001</v>
      </c>
      <c r="N349" s="39">
        <v>43.732200000000006</v>
      </c>
      <c r="O349" s="40">
        <v>1.63</v>
      </c>
      <c r="P349" s="9">
        <v>27.78</v>
      </c>
      <c r="Q349" s="39">
        <v>27.020000000000003</v>
      </c>
      <c r="R349" s="40">
        <v>0.76</v>
      </c>
      <c r="S349" s="9">
        <v>11.430000000000001</v>
      </c>
      <c r="T349" s="39">
        <v>10.110000000000001</v>
      </c>
      <c r="U349" s="40">
        <v>1.32</v>
      </c>
      <c r="V349" s="9">
        <v>2.23</v>
      </c>
      <c r="W349" s="39">
        <v>1.23</v>
      </c>
      <c r="X349" s="40">
        <v>1</v>
      </c>
      <c r="Y349" s="9">
        <v>2.5999999999999996</v>
      </c>
      <c r="Z349" s="80">
        <v>2.5999999999999996</v>
      </c>
      <c r="AA349" s="40">
        <v>0</v>
      </c>
    </row>
    <row r="350" spans="1:27" s="12" customFormat="1" ht="11.25" x14ac:dyDescent="0.25">
      <c r="A350" s="151"/>
      <c r="B350" s="154"/>
      <c r="C350" s="13" t="s">
        <v>63</v>
      </c>
      <c r="D350" s="18">
        <v>14.879999999999999</v>
      </c>
      <c r="E350" s="7">
        <v>14.62</v>
      </c>
      <c r="F350" s="8">
        <v>0.26</v>
      </c>
      <c r="G350" s="9">
        <v>3.2199999999999998</v>
      </c>
      <c r="H350" s="16">
        <v>2.96</v>
      </c>
      <c r="I350" s="42">
        <v>0.26</v>
      </c>
      <c r="J350" s="9">
        <v>2</v>
      </c>
      <c r="K350" s="16">
        <v>2</v>
      </c>
      <c r="L350" s="42">
        <v>0</v>
      </c>
      <c r="M350" s="9">
        <v>4.62</v>
      </c>
      <c r="N350" s="16">
        <v>4.62</v>
      </c>
      <c r="O350" s="17">
        <v>0</v>
      </c>
      <c r="P350" s="9">
        <v>2.17</v>
      </c>
      <c r="Q350" s="16">
        <v>2.17</v>
      </c>
      <c r="R350" s="17">
        <v>0</v>
      </c>
      <c r="S350" s="9">
        <v>1.04</v>
      </c>
      <c r="T350" s="16">
        <v>1.04</v>
      </c>
      <c r="U350" s="17">
        <v>0</v>
      </c>
      <c r="V350" s="9">
        <v>0</v>
      </c>
      <c r="W350" s="16">
        <v>0</v>
      </c>
      <c r="X350" s="17">
        <v>0</v>
      </c>
      <c r="Y350" s="9">
        <v>1.83</v>
      </c>
      <c r="Z350" s="78">
        <v>1.83</v>
      </c>
      <c r="AA350" s="36">
        <v>0</v>
      </c>
    </row>
    <row r="351" spans="1:27" s="12" customFormat="1" ht="11.25" x14ac:dyDescent="0.25">
      <c r="A351" s="151"/>
      <c r="B351" s="154"/>
      <c r="C351" s="13" t="s">
        <v>64</v>
      </c>
      <c r="D351" s="18">
        <v>0</v>
      </c>
      <c r="E351" s="7">
        <v>0</v>
      </c>
      <c r="F351" s="8">
        <v>0</v>
      </c>
      <c r="G351" s="9">
        <v>0</v>
      </c>
      <c r="H351" s="16">
        <v>0</v>
      </c>
      <c r="I351" s="42">
        <v>0</v>
      </c>
      <c r="J351" s="9">
        <v>0</v>
      </c>
      <c r="K351" s="16">
        <v>0</v>
      </c>
      <c r="L351" s="42">
        <v>0</v>
      </c>
      <c r="M351" s="9">
        <v>0</v>
      </c>
      <c r="N351" s="16">
        <v>0</v>
      </c>
      <c r="O351" s="17">
        <v>0</v>
      </c>
      <c r="P351" s="9">
        <v>0</v>
      </c>
      <c r="Q351" s="16">
        <v>0</v>
      </c>
      <c r="R351" s="17">
        <v>0</v>
      </c>
      <c r="S351" s="9">
        <v>0</v>
      </c>
      <c r="T351" s="16">
        <v>0</v>
      </c>
      <c r="U351" s="17">
        <v>0</v>
      </c>
      <c r="V351" s="9">
        <v>0</v>
      </c>
      <c r="W351" s="16">
        <v>0</v>
      </c>
      <c r="X351" s="17">
        <v>0</v>
      </c>
      <c r="Y351" s="9">
        <v>0</v>
      </c>
      <c r="Z351" s="78">
        <v>0</v>
      </c>
      <c r="AA351" s="36">
        <v>0</v>
      </c>
    </row>
    <row r="352" spans="1:27" s="12" customFormat="1" ht="12" thickBot="1" x14ac:dyDescent="0.3">
      <c r="A352" s="152"/>
      <c r="B352" s="155"/>
      <c r="C352" s="43" t="s">
        <v>65</v>
      </c>
      <c r="D352" s="44">
        <v>0</v>
      </c>
      <c r="E352" s="7">
        <v>0</v>
      </c>
      <c r="F352" s="8">
        <v>0</v>
      </c>
      <c r="G352" s="9">
        <v>0</v>
      </c>
      <c r="H352" s="45">
        <v>0</v>
      </c>
      <c r="I352" s="47">
        <v>0</v>
      </c>
      <c r="J352" s="9">
        <v>0</v>
      </c>
      <c r="K352" s="45">
        <v>0</v>
      </c>
      <c r="L352" s="47">
        <v>0</v>
      </c>
      <c r="M352" s="9">
        <v>0</v>
      </c>
      <c r="N352" s="45">
        <v>0</v>
      </c>
      <c r="O352" s="46">
        <v>0</v>
      </c>
      <c r="P352" s="9">
        <v>0</v>
      </c>
      <c r="Q352" s="45">
        <v>0</v>
      </c>
      <c r="R352" s="46">
        <v>0</v>
      </c>
      <c r="S352" s="9">
        <v>0</v>
      </c>
      <c r="T352" s="45">
        <v>0</v>
      </c>
      <c r="U352" s="46">
        <v>0</v>
      </c>
      <c r="V352" s="9">
        <v>0</v>
      </c>
      <c r="W352" s="45">
        <v>0</v>
      </c>
      <c r="X352" s="46">
        <v>0</v>
      </c>
      <c r="Y352" s="9">
        <v>0</v>
      </c>
      <c r="Z352" s="79">
        <v>0</v>
      </c>
      <c r="AA352" s="48">
        <v>0</v>
      </c>
    </row>
    <row r="353" spans="1:27" s="12" customFormat="1" ht="11.25" x14ac:dyDescent="0.25">
      <c r="A353" s="150">
        <v>92</v>
      </c>
      <c r="B353" s="153" t="s">
        <v>136</v>
      </c>
      <c r="C353" s="37" t="s">
        <v>44</v>
      </c>
      <c r="D353" s="38">
        <v>35.950000000000003</v>
      </c>
      <c r="E353" s="7">
        <v>35.18</v>
      </c>
      <c r="F353" s="8">
        <v>0.77</v>
      </c>
      <c r="G353" s="9">
        <v>16.886649999999996</v>
      </c>
      <c r="H353" s="39">
        <v>16.756649999999997</v>
      </c>
      <c r="I353" s="41">
        <v>0.13</v>
      </c>
      <c r="J353" s="9">
        <v>0</v>
      </c>
      <c r="K353" s="39">
        <v>0</v>
      </c>
      <c r="L353" s="41">
        <v>0</v>
      </c>
      <c r="M353" s="9">
        <v>7.1762499999999996</v>
      </c>
      <c r="N353" s="39">
        <v>7.1762499999999996</v>
      </c>
      <c r="O353" s="40">
        <v>0</v>
      </c>
      <c r="P353" s="9">
        <v>7.3071000000000002</v>
      </c>
      <c r="Q353" s="39">
        <v>7.3071000000000002</v>
      </c>
      <c r="R353" s="40">
        <v>0</v>
      </c>
      <c r="S353" s="9">
        <v>4.21</v>
      </c>
      <c r="T353" s="39">
        <v>3.5700000000000003</v>
      </c>
      <c r="U353" s="40">
        <v>0.64</v>
      </c>
      <c r="V353" s="9">
        <v>0</v>
      </c>
      <c r="W353" s="39">
        <v>0</v>
      </c>
      <c r="X353" s="40">
        <v>0</v>
      </c>
      <c r="Y353" s="9">
        <v>0.37</v>
      </c>
      <c r="Z353" s="80">
        <v>0.37</v>
      </c>
      <c r="AA353" s="40">
        <v>0</v>
      </c>
    </row>
    <row r="354" spans="1:27" s="12" customFormat="1" ht="11.25" x14ac:dyDescent="0.25">
      <c r="A354" s="151"/>
      <c r="B354" s="154"/>
      <c r="C354" s="13" t="s">
        <v>63</v>
      </c>
      <c r="D354" s="18">
        <v>0.31</v>
      </c>
      <c r="E354" s="7">
        <v>0.31</v>
      </c>
      <c r="F354" s="8">
        <v>0</v>
      </c>
      <c r="G354" s="9">
        <v>0.31</v>
      </c>
      <c r="H354" s="16">
        <v>0.31</v>
      </c>
      <c r="I354" s="42">
        <v>0</v>
      </c>
      <c r="J354" s="9">
        <v>0</v>
      </c>
      <c r="K354" s="16">
        <v>0</v>
      </c>
      <c r="L354" s="42">
        <v>0</v>
      </c>
      <c r="M354" s="9">
        <v>0</v>
      </c>
      <c r="N354" s="16">
        <v>0</v>
      </c>
      <c r="O354" s="17">
        <v>0</v>
      </c>
      <c r="P354" s="9">
        <v>0</v>
      </c>
      <c r="Q354" s="16">
        <v>0</v>
      </c>
      <c r="R354" s="17">
        <v>0</v>
      </c>
      <c r="S354" s="9">
        <v>0</v>
      </c>
      <c r="T354" s="16">
        <v>0</v>
      </c>
      <c r="U354" s="17">
        <v>0</v>
      </c>
      <c r="V354" s="9">
        <v>0</v>
      </c>
      <c r="W354" s="16">
        <v>0</v>
      </c>
      <c r="X354" s="17">
        <v>0</v>
      </c>
      <c r="Y354" s="9">
        <v>0</v>
      </c>
      <c r="Z354" s="78">
        <v>0</v>
      </c>
      <c r="AA354" s="36">
        <v>0</v>
      </c>
    </row>
    <row r="355" spans="1:27" s="12" customFormat="1" ht="11.25" x14ac:dyDescent="0.25">
      <c r="A355" s="151"/>
      <c r="B355" s="154"/>
      <c r="C355" s="13" t="s">
        <v>64</v>
      </c>
      <c r="D355" s="18">
        <v>2.36</v>
      </c>
      <c r="E355" s="7">
        <v>2.36</v>
      </c>
      <c r="F355" s="8">
        <v>0</v>
      </c>
      <c r="G355" s="9">
        <v>0</v>
      </c>
      <c r="H355" s="16">
        <v>0</v>
      </c>
      <c r="I355" s="42">
        <v>0</v>
      </c>
      <c r="J355" s="9">
        <v>0</v>
      </c>
      <c r="K355" s="16">
        <v>0</v>
      </c>
      <c r="L355" s="42">
        <v>0</v>
      </c>
      <c r="M355" s="9">
        <v>2.36</v>
      </c>
      <c r="N355" s="16">
        <v>2.36</v>
      </c>
      <c r="O355" s="17">
        <v>0</v>
      </c>
      <c r="P355" s="9">
        <v>0</v>
      </c>
      <c r="Q355" s="16">
        <v>0</v>
      </c>
      <c r="R355" s="17">
        <v>0</v>
      </c>
      <c r="S355" s="9">
        <v>0</v>
      </c>
      <c r="T355" s="16">
        <v>0</v>
      </c>
      <c r="U355" s="17">
        <v>0</v>
      </c>
      <c r="V355" s="9">
        <v>0</v>
      </c>
      <c r="W355" s="16">
        <v>0</v>
      </c>
      <c r="X355" s="17">
        <v>0</v>
      </c>
      <c r="Y355" s="9">
        <v>0</v>
      </c>
      <c r="Z355" s="78">
        <v>0</v>
      </c>
      <c r="AA355" s="36">
        <v>0</v>
      </c>
    </row>
    <row r="356" spans="1:27" s="12" customFormat="1" ht="12" thickBot="1" x14ac:dyDescent="0.3">
      <c r="A356" s="152"/>
      <c r="B356" s="155"/>
      <c r="C356" s="43" t="s">
        <v>65</v>
      </c>
      <c r="D356" s="44">
        <v>0</v>
      </c>
      <c r="E356" s="7">
        <v>0</v>
      </c>
      <c r="F356" s="8">
        <v>0</v>
      </c>
      <c r="G356" s="9">
        <v>0</v>
      </c>
      <c r="H356" s="45">
        <v>0</v>
      </c>
      <c r="I356" s="47">
        <v>0</v>
      </c>
      <c r="J356" s="9">
        <v>0</v>
      </c>
      <c r="K356" s="45">
        <v>0</v>
      </c>
      <c r="L356" s="47">
        <v>0</v>
      </c>
      <c r="M356" s="9">
        <v>0</v>
      </c>
      <c r="N356" s="45">
        <v>0</v>
      </c>
      <c r="O356" s="46">
        <v>0</v>
      </c>
      <c r="P356" s="9">
        <v>0</v>
      </c>
      <c r="Q356" s="45">
        <v>0</v>
      </c>
      <c r="R356" s="46">
        <v>0</v>
      </c>
      <c r="S356" s="9">
        <v>0</v>
      </c>
      <c r="T356" s="45">
        <v>0</v>
      </c>
      <c r="U356" s="46">
        <v>0</v>
      </c>
      <c r="V356" s="9">
        <v>0</v>
      </c>
      <c r="W356" s="45">
        <v>0</v>
      </c>
      <c r="X356" s="46">
        <v>0</v>
      </c>
      <c r="Y356" s="9">
        <v>0</v>
      </c>
      <c r="Z356" s="79">
        <v>0</v>
      </c>
      <c r="AA356" s="48">
        <v>0</v>
      </c>
    </row>
    <row r="357" spans="1:27" s="12" customFormat="1" ht="11.25" x14ac:dyDescent="0.25">
      <c r="A357" s="150">
        <v>93</v>
      </c>
      <c r="B357" s="153" t="s">
        <v>137</v>
      </c>
      <c r="C357" s="37" t="s">
        <v>44</v>
      </c>
      <c r="D357" s="38">
        <v>239.76485</v>
      </c>
      <c r="E357" s="7">
        <v>195.87153333333333</v>
      </c>
      <c r="F357" s="8">
        <v>43.893316666666664</v>
      </c>
      <c r="G357" s="9">
        <v>137.8682</v>
      </c>
      <c r="H357" s="39">
        <v>119.97820000000002</v>
      </c>
      <c r="I357" s="41">
        <v>17.89</v>
      </c>
      <c r="J357" s="9">
        <v>0.36</v>
      </c>
      <c r="K357" s="39">
        <v>0</v>
      </c>
      <c r="L357" s="41">
        <v>0.36</v>
      </c>
      <c r="M357" s="9">
        <v>63.601500000000001</v>
      </c>
      <c r="N357" s="39">
        <v>48.023600000000002</v>
      </c>
      <c r="O357" s="40">
        <v>15.5779</v>
      </c>
      <c r="P357" s="9">
        <v>20.591350000000002</v>
      </c>
      <c r="Q357" s="39">
        <v>16.545933333333334</v>
      </c>
      <c r="R357" s="40">
        <v>4.0454166666666662</v>
      </c>
      <c r="S357" s="9">
        <v>13.0938</v>
      </c>
      <c r="T357" s="39">
        <v>8.4337999999999997</v>
      </c>
      <c r="U357" s="40">
        <v>4.66</v>
      </c>
      <c r="V357" s="9">
        <v>0.4</v>
      </c>
      <c r="W357" s="39">
        <v>0.4</v>
      </c>
      <c r="X357" s="40">
        <v>0</v>
      </c>
      <c r="Y357" s="9">
        <v>3.85</v>
      </c>
      <c r="Z357" s="80">
        <v>2.4900000000000002</v>
      </c>
      <c r="AA357" s="40">
        <v>1.3599999999999999</v>
      </c>
    </row>
    <row r="358" spans="1:27" s="12" customFormat="1" ht="11.25" x14ac:dyDescent="0.25">
      <c r="A358" s="151"/>
      <c r="B358" s="154"/>
      <c r="C358" s="13" t="s">
        <v>63</v>
      </c>
      <c r="D358" s="18">
        <v>20.399999999999999</v>
      </c>
      <c r="E358" s="7">
        <v>15.940000000000001</v>
      </c>
      <c r="F358" s="8">
        <v>4.4599999999999991</v>
      </c>
      <c r="G358" s="9">
        <v>8.9000000000000021</v>
      </c>
      <c r="H358" s="16">
        <v>8.6100000000000012</v>
      </c>
      <c r="I358" s="42">
        <v>0.29000000000000004</v>
      </c>
      <c r="J358" s="9">
        <v>0</v>
      </c>
      <c r="K358" s="16">
        <v>0</v>
      </c>
      <c r="L358" s="42">
        <v>0</v>
      </c>
      <c r="M358" s="9">
        <v>8.6300000000000008</v>
      </c>
      <c r="N358" s="16">
        <v>5.33</v>
      </c>
      <c r="O358" s="17">
        <v>3.3</v>
      </c>
      <c r="P358" s="9">
        <v>1.3800000000000001</v>
      </c>
      <c r="Q358" s="16">
        <v>0.69000000000000006</v>
      </c>
      <c r="R358" s="17">
        <v>0.69</v>
      </c>
      <c r="S358" s="9">
        <v>0.98</v>
      </c>
      <c r="T358" s="16">
        <v>0.8</v>
      </c>
      <c r="U358" s="17">
        <v>0.18</v>
      </c>
      <c r="V358" s="9">
        <v>0</v>
      </c>
      <c r="W358" s="16">
        <v>0</v>
      </c>
      <c r="X358" s="17">
        <v>0</v>
      </c>
      <c r="Y358" s="9">
        <v>0.51</v>
      </c>
      <c r="Z358" s="78">
        <v>0.51</v>
      </c>
      <c r="AA358" s="36">
        <v>0</v>
      </c>
    </row>
    <row r="359" spans="1:27" s="12" customFormat="1" ht="11.25" x14ac:dyDescent="0.25">
      <c r="A359" s="151"/>
      <c r="B359" s="154"/>
      <c r="C359" s="13" t="s">
        <v>64</v>
      </c>
      <c r="D359" s="18">
        <v>0</v>
      </c>
      <c r="E359" s="7">
        <v>0</v>
      </c>
      <c r="F359" s="8">
        <v>0</v>
      </c>
      <c r="G359" s="9">
        <v>0</v>
      </c>
      <c r="H359" s="16">
        <v>0</v>
      </c>
      <c r="I359" s="42">
        <v>0</v>
      </c>
      <c r="J359" s="9">
        <v>0</v>
      </c>
      <c r="K359" s="16">
        <v>0</v>
      </c>
      <c r="L359" s="42">
        <v>0</v>
      </c>
      <c r="M359" s="9">
        <v>0</v>
      </c>
      <c r="N359" s="16">
        <v>0</v>
      </c>
      <c r="O359" s="17">
        <v>0</v>
      </c>
      <c r="P359" s="9">
        <v>0</v>
      </c>
      <c r="Q359" s="16">
        <v>0</v>
      </c>
      <c r="R359" s="17">
        <v>0</v>
      </c>
      <c r="S359" s="9">
        <v>0</v>
      </c>
      <c r="T359" s="16">
        <v>0</v>
      </c>
      <c r="U359" s="17">
        <v>0</v>
      </c>
      <c r="V359" s="9">
        <v>0</v>
      </c>
      <c r="W359" s="16">
        <v>0</v>
      </c>
      <c r="X359" s="17">
        <v>0</v>
      </c>
      <c r="Y359" s="9">
        <v>0</v>
      </c>
      <c r="Z359" s="78">
        <v>0</v>
      </c>
      <c r="AA359" s="36">
        <v>0</v>
      </c>
    </row>
    <row r="360" spans="1:27" s="12" customFormat="1" ht="12" thickBot="1" x14ac:dyDescent="0.3">
      <c r="A360" s="152"/>
      <c r="B360" s="155"/>
      <c r="C360" s="43" t="s">
        <v>65</v>
      </c>
      <c r="D360" s="44">
        <v>0</v>
      </c>
      <c r="E360" s="7">
        <v>0</v>
      </c>
      <c r="F360" s="8">
        <v>0</v>
      </c>
      <c r="G360" s="9">
        <v>0</v>
      </c>
      <c r="H360" s="45">
        <v>0</v>
      </c>
      <c r="I360" s="47">
        <v>0</v>
      </c>
      <c r="J360" s="9">
        <v>0</v>
      </c>
      <c r="K360" s="45">
        <v>0</v>
      </c>
      <c r="L360" s="47">
        <v>0</v>
      </c>
      <c r="M360" s="9">
        <v>0</v>
      </c>
      <c r="N360" s="45">
        <v>0</v>
      </c>
      <c r="O360" s="46">
        <v>0</v>
      </c>
      <c r="P360" s="9">
        <v>0</v>
      </c>
      <c r="Q360" s="45">
        <v>0</v>
      </c>
      <c r="R360" s="46">
        <v>0</v>
      </c>
      <c r="S360" s="9">
        <v>0</v>
      </c>
      <c r="T360" s="45">
        <v>0</v>
      </c>
      <c r="U360" s="46">
        <v>0</v>
      </c>
      <c r="V360" s="9">
        <v>0</v>
      </c>
      <c r="W360" s="45">
        <v>0</v>
      </c>
      <c r="X360" s="46">
        <v>0</v>
      </c>
      <c r="Y360" s="9">
        <v>0</v>
      </c>
      <c r="Z360" s="79">
        <v>0</v>
      </c>
      <c r="AA360" s="48">
        <v>0</v>
      </c>
    </row>
    <row r="361" spans="1:27" s="12" customFormat="1" ht="11.25" x14ac:dyDescent="0.25">
      <c r="A361" s="150">
        <v>94</v>
      </c>
      <c r="B361" s="153" t="s">
        <v>138</v>
      </c>
      <c r="C361" s="37" t="s">
        <v>44</v>
      </c>
      <c r="D361" s="38">
        <v>170.75508888888891</v>
      </c>
      <c r="E361" s="7">
        <v>79.199088888888895</v>
      </c>
      <c r="F361" s="8">
        <v>91.556000000000012</v>
      </c>
      <c r="G361" s="9">
        <v>74.816200000000009</v>
      </c>
      <c r="H361" s="39">
        <v>36.680200000000006</v>
      </c>
      <c r="I361" s="41">
        <v>38.13600000000001</v>
      </c>
      <c r="J361" s="9">
        <v>2.96</v>
      </c>
      <c r="K361" s="39">
        <v>0</v>
      </c>
      <c r="L361" s="41">
        <v>2.96</v>
      </c>
      <c r="M361" s="9">
        <v>59.978888888888889</v>
      </c>
      <c r="N361" s="39">
        <v>29.888888888888886</v>
      </c>
      <c r="O361" s="40">
        <v>30.09</v>
      </c>
      <c r="P361" s="9">
        <v>13.12</v>
      </c>
      <c r="Q361" s="39">
        <v>3.6300000000000003</v>
      </c>
      <c r="R361" s="40">
        <v>9.4899999999999984</v>
      </c>
      <c r="S361" s="9">
        <v>11.53</v>
      </c>
      <c r="T361" s="39">
        <v>4.8899999999999997</v>
      </c>
      <c r="U361" s="40">
        <v>6.64</v>
      </c>
      <c r="V361" s="9">
        <v>2.99</v>
      </c>
      <c r="W361" s="39">
        <v>1.1200000000000001</v>
      </c>
      <c r="X361" s="40">
        <v>1.87</v>
      </c>
      <c r="Y361" s="9">
        <v>5.3599999999999994</v>
      </c>
      <c r="Z361" s="80">
        <v>2.99</v>
      </c>
      <c r="AA361" s="40">
        <v>2.3699999999999997</v>
      </c>
    </row>
    <row r="362" spans="1:27" s="12" customFormat="1" ht="11.25" x14ac:dyDescent="0.25">
      <c r="A362" s="151"/>
      <c r="B362" s="154"/>
      <c r="C362" s="13" t="s">
        <v>63</v>
      </c>
      <c r="D362" s="18">
        <v>19.22</v>
      </c>
      <c r="E362" s="7">
        <v>12.93</v>
      </c>
      <c r="F362" s="8">
        <v>6.29</v>
      </c>
      <c r="G362" s="9">
        <v>4.4146999999999998</v>
      </c>
      <c r="H362" s="16">
        <v>2.2647000000000004</v>
      </c>
      <c r="I362" s="42">
        <v>2.15</v>
      </c>
      <c r="J362" s="9">
        <v>0</v>
      </c>
      <c r="K362" s="16">
        <v>0</v>
      </c>
      <c r="L362" s="42">
        <v>0</v>
      </c>
      <c r="M362" s="9">
        <v>6.7052999999999994</v>
      </c>
      <c r="N362" s="16">
        <v>5.3152999999999997</v>
      </c>
      <c r="O362" s="17">
        <v>1.39</v>
      </c>
      <c r="P362" s="9">
        <v>1.78</v>
      </c>
      <c r="Q362" s="16">
        <v>1.01</v>
      </c>
      <c r="R362" s="17">
        <v>0.77</v>
      </c>
      <c r="S362" s="9">
        <v>2.7700000000000005</v>
      </c>
      <c r="T362" s="16">
        <v>2.7700000000000005</v>
      </c>
      <c r="U362" s="17">
        <v>0</v>
      </c>
      <c r="V362" s="9">
        <v>1.27</v>
      </c>
      <c r="W362" s="16">
        <v>0</v>
      </c>
      <c r="X362" s="17">
        <v>1.27</v>
      </c>
      <c r="Y362" s="9">
        <v>2.2800000000000002</v>
      </c>
      <c r="Z362" s="78">
        <v>1.57</v>
      </c>
      <c r="AA362" s="36">
        <v>0.71</v>
      </c>
    </row>
    <row r="363" spans="1:27" s="12" customFormat="1" ht="11.25" x14ac:dyDescent="0.25">
      <c r="A363" s="151"/>
      <c r="B363" s="154"/>
      <c r="C363" s="13" t="s">
        <v>64</v>
      </c>
      <c r="D363" s="18">
        <v>0</v>
      </c>
      <c r="E363" s="7">
        <v>0</v>
      </c>
      <c r="F363" s="8">
        <v>0</v>
      </c>
      <c r="G363" s="9">
        <v>0</v>
      </c>
      <c r="H363" s="16">
        <v>0</v>
      </c>
      <c r="I363" s="42">
        <v>0</v>
      </c>
      <c r="J363" s="9">
        <v>0</v>
      </c>
      <c r="K363" s="16">
        <v>0</v>
      </c>
      <c r="L363" s="42">
        <v>0</v>
      </c>
      <c r="M363" s="9">
        <v>0</v>
      </c>
      <c r="N363" s="16">
        <v>0</v>
      </c>
      <c r="O363" s="17">
        <v>0</v>
      </c>
      <c r="P363" s="9">
        <v>0</v>
      </c>
      <c r="Q363" s="16">
        <v>0</v>
      </c>
      <c r="R363" s="17">
        <v>0</v>
      </c>
      <c r="S363" s="9">
        <v>0</v>
      </c>
      <c r="T363" s="16">
        <v>0</v>
      </c>
      <c r="U363" s="17">
        <v>0</v>
      </c>
      <c r="V363" s="9">
        <v>0</v>
      </c>
      <c r="W363" s="16">
        <v>0</v>
      </c>
      <c r="X363" s="17">
        <v>0</v>
      </c>
      <c r="Y363" s="9">
        <v>0</v>
      </c>
      <c r="Z363" s="78">
        <v>0</v>
      </c>
      <c r="AA363" s="36">
        <v>0</v>
      </c>
    </row>
    <row r="364" spans="1:27" s="12" customFormat="1" ht="12" thickBot="1" x14ac:dyDescent="0.3">
      <c r="A364" s="152"/>
      <c r="B364" s="155"/>
      <c r="C364" s="43" t="s">
        <v>65</v>
      </c>
      <c r="D364" s="44">
        <v>0</v>
      </c>
      <c r="E364" s="7">
        <v>0</v>
      </c>
      <c r="F364" s="8">
        <v>0</v>
      </c>
      <c r="G364" s="9">
        <v>0</v>
      </c>
      <c r="H364" s="45">
        <v>0</v>
      </c>
      <c r="I364" s="47">
        <v>0</v>
      </c>
      <c r="J364" s="9">
        <v>0</v>
      </c>
      <c r="K364" s="45">
        <v>0</v>
      </c>
      <c r="L364" s="47">
        <v>0</v>
      </c>
      <c r="M364" s="9">
        <v>0</v>
      </c>
      <c r="N364" s="45">
        <v>0</v>
      </c>
      <c r="O364" s="46">
        <v>0</v>
      </c>
      <c r="P364" s="9">
        <v>0</v>
      </c>
      <c r="Q364" s="45">
        <v>0</v>
      </c>
      <c r="R364" s="46">
        <v>0</v>
      </c>
      <c r="S364" s="9">
        <v>0</v>
      </c>
      <c r="T364" s="45">
        <v>0</v>
      </c>
      <c r="U364" s="46">
        <v>0</v>
      </c>
      <c r="V364" s="9">
        <v>0</v>
      </c>
      <c r="W364" s="45">
        <v>0</v>
      </c>
      <c r="X364" s="46">
        <v>0</v>
      </c>
      <c r="Y364" s="9">
        <v>0</v>
      </c>
      <c r="Z364" s="79">
        <v>0</v>
      </c>
      <c r="AA364" s="48">
        <v>0</v>
      </c>
    </row>
    <row r="365" spans="1:27" s="12" customFormat="1" ht="11.25" x14ac:dyDescent="0.25">
      <c r="A365" s="150">
        <v>95</v>
      </c>
      <c r="B365" s="153" t="s">
        <v>139</v>
      </c>
      <c r="C365" s="37" t="s">
        <v>44</v>
      </c>
      <c r="D365" s="38">
        <v>17.326474999999999</v>
      </c>
      <c r="E365" s="7">
        <v>9.5264749999999996</v>
      </c>
      <c r="F365" s="8">
        <v>7.8</v>
      </c>
      <c r="G365" s="9">
        <v>9.42</v>
      </c>
      <c r="H365" s="39">
        <v>5.9499999999999993</v>
      </c>
      <c r="I365" s="41">
        <v>3.4699999999999998</v>
      </c>
      <c r="J365" s="9">
        <v>0</v>
      </c>
      <c r="K365" s="39">
        <v>0</v>
      </c>
      <c r="L365" s="41">
        <v>0</v>
      </c>
      <c r="M365" s="9">
        <v>4.7864750000000003</v>
      </c>
      <c r="N365" s="39">
        <v>2.5864750000000001</v>
      </c>
      <c r="O365" s="40">
        <v>2.2000000000000002</v>
      </c>
      <c r="P365" s="9">
        <v>1.71</v>
      </c>
      <c r="Q365" s="39">
        <v>0.19</v>
      </c>
      <c r="R365" s="40">
        <v>1.52</v>
      </c>
      <c r="S365" s="9">
        <v>0.84</v>
      </c>
      <c r="T365" s="39">
        <v>0.23</v>
      </c>
      <c r="U365" s="40">
        <v>0.61</v>
      </c>
      <c r="V365" s="9">
        <v>0.5</v>
      </c>
      <c r="W365" s="39">
        <v>0.5</v>
      </c>
      <c r="X365" s="40">
        <v>0</v>
      </c>
      <c r="Y365" s="9">
        <v>7.0000000000000007E-2</v>
      </c>
      <c r="Z365" s="80">
        <v>7.0000000000000007E-2</v>
      </c>
      <c r="AA365" s="40">
        <v>0</v>
      </c>
    </row>
    <row r="366" spans="1:27" s="12" customFormat="1" ht="11.25" x14ac:dyDescent="0.25">
      <c r="A366" s="151"/>
      <c r="B366" s="154"/>
      <c r="C366" s="13" t="s">
        <v>63</v>
      </c>
      <c r="D366" s="18">
        <v>0.96</v>
      </c>
      <c r="E366" s="7">
        <v>0.82</v>
      </c>
      <c r="F366" s="8">
        <v>0.14000000000000001</v>
      </c>
      <c r="G366" s="9">
        <v>0.44</v>
      </c>
      <c r="H366" s="16">
        <v>0.44</v>
      </c>
      <c r="I366" s="42">
        <v>0</v>
      </c>
      <c r="J366" s="9">
        <v>0</v>
      </c>
      <c r="K366" s="16">
        <v>0</v>
      </c>
      <c r="L366" s="42">
        <v>0</v>
      </c>
      <c r="M366" s="9">
        <v>0.38</v>
      </c>
      <c r="N366" s="16">
        <v>0.38</v>
      </c>
      <c r="O366" s="17">
        <v>0</v>
      </c>
      <c r="P366" s="9">
        <v>0.14000000000000001</v>
      </c>
      <c r="Q366" s="16">
        <v>0</v>
      </c>
      <c r="R366" s="17">
        <v>0.14000000000000001</v>
      </c>
      <c r="S366" s="9">
        <v>0</v>
      </c>
      <c r="T366" s="16">
        <v>0</v>
      </c>
      <c r="U366" s="17">
        <v>0</v>
      </c>
      <c r="V366" s="9">
        <v>0</v>
      </c>
      <c r="W366" s="16">
        <v>0</v>
      </c>
      <c r="X366" s="17">
        <v>0</v>
      </c>
      <c r="Y366" s="9">
        <v>0</v>
      </c>
      <c r="Z366" s="78">
        <v>0</v>
      </c>
      <c r="AA366" s="36">
        <v>0</v>
      </c>
    </row>
    <row r="367" spans="1:27" s="12" customFormat="1" ht="11.25" x14ac:dyDescent="0.25">
      <c r="A367" s="151"/>
      <c r="B367" s="154"/>
      <c r="C367" s="13" t="s">
        <v>64</v>
      </c>
      <c r="D367" s="18">
        <v>0</v>
      </c>
      <c r="E367" s="7">
        <v>0</v>
      </c>
      <c r="F367" s="8">
        <v>0</v>
      </c>
      <c r="G367" s="9">
        <v>0</v>
      </c>
      <c r="H367" s="16">
        <v>0</v>
      </c>
      <c r="I367" s="42">
        <v>0</v>
      </c>
      <c r="J367" s="9">
        <v>0</v>
      </c>
      <c r="K367" s="16">
        <v>0</v>
      </c>
      <c r="L367" s="42">
        <v>0</v>
      </c>
      <c r="M367" s="9">
        <v>0</v>
      </c>
      <c r="N367" s="16">
        <v>0</v>
      </c>
      <c r="O367" s="17">
        <v>0</v>
      </c>
      <c r="P367" s="9">
        <v>0</v>
      </c>
      <c r="Q367" s="16">
        <v>0</v>
      </c>
      <c r="R367" s="17">
        <v>0</v>
      </c>
      <c r="S367" s="9">
        <v>0</v>
      </c>
      <c r="T367" s="16">
        <v>0</v>
      </c>
      <c r="U367" s="17">
        <v>0</v>
      </c>
      <c r="V367" s="9">
        <v>0</v>
      </c>
      <c r="W367" s="16">
        <v>0</v>
      </c>
      <c r="X367" s="17">
        <v>0</v>
      </c>
      <c r="Y367" s="9">
        <v>0</v>
      </c>
      <c r="Z367" s="78">
        <v>0</v>
      </c>
      <c r="AA367" s="36">
        <v>0</v>
      </c>
    </row>
    <row r="368" spans="1:27" s="12" customFormat="1" ht="12" thickBot="1" x14ac:dyDescent="0.3">
      <c r="A368" s="152"/>
      <c r="B368" s="155"/>
      <c r="C368" s="43" t="s">
        <v>65</v>
      </c>
      <c r="D368" s="44">
        <v>0</v>
      </c>
      <c r="E368" s="7">
        <v>0</v>
      </c>
      <c r="F368" s="8">
        <v>0</v>
      </c>
      <c r="G368" s="9">
        <v>0</v>
      </c>
      <c r="H368" s="45">
        <v>0</v>
      </c>
      <c r="I368" s="47">
        <v>0</v>
      </c>
      <c r="J368" s="9">
        <v>0</v>
      </c>
      <c r="K368" s="45">
        <v>0</v>
      </c>
      <c r="L368" s="47">
        <v>0</v>
      </c>
      <c r="M368" s="9">
        <v>0</v>
      </c>
      <c r="N368" s="45">
        <v>0</v>
      </c>
      <c r="O368" s="46">
        <v>0</v>
      </c>
      <c r="P368" s="9">
        <v>0</v>
      </c>
      <c r="Q368" s="45">
        <v>0</v>
      </c>
      <c r="R368" s="46">
        <v>0</v>
      </c>
      <c r="S368" s="9">
        <v>0</v>
      </c>
      <c r="T368" s="45">
        <v>0</v>
      </c>
      <c r="U368" s="46">
        <v>0</v>
      </c>
      <c r="V368" s="9">
        <v>0</v>
      </c>
      <c r="W368" s="45">
        <v>0</v>
      </c>
      <c r="X368" s="46">
        <v>0</v>
      </c>
      <c r="Y368" s="9">
        <v>0</v>
      </c>
      <c r="Z368" s="79">
        <v>0</v>
      </c>
      <c r="AA368" s="48">
        <v>0</v>
      </c>
    </row>
    <row r="369" spans="1:27" s="12" customFormat="1" ht="11.25" x14ac:dyDescent="0.25">
      <c r="A369" s="150">
        <v>96</v>
      </c>
      <c r="B369" s="153" t="s">
        <v>140</v>
      </c>
      <c r="C369" s="37" t="s">
        <v>44</v>
      </c>
      <c r="D369" s="38">
        <v>0.19</v>
      </c>
      <c r="E369" s="7">
        <v>0.19</v>
      </c>
      <c r="F369" s="8">
        <v>0</v>
      </c>
      <c r="G369" s="9">
        <v>0.14000000000000001</v>
      </c>
      <c r="H369" s="39">
        <v>0.14000000000000001</v>
      </c>
      <c r="I369" s="41">
        <v>0</v>
      </c>
      <c r="J369" s="9">
        <v>0</v>
      </c>
      <c r="K369" s="39">
        <v>0</v>
      </c>
      <c r="L369" s="41">
        <v>0</v>
      </c>
      <c r="M369" s="9">
        <v>0.05</v>
      </c>
      <c r="N369" s="39">
        <v>0.05</v>
      </c>
      <c r="O369" s="40">
        <v>0</v>
      </c>
      <c r="P369" s="9">
        <v>0</v>
      </c>
      <c r="Q369" s="39">
        <v>0</v>
      </c>
      <c r="R369" s="40">
        <v>0</v>
      </c>
      <c r="S369" s="9">
        <v>0</v>
      </c>
      <c r="T369" s="39">
        <v>0</v>
      </c>
      <c r="U369" s="40">
        <v>0</v>
      </c>
      <c r="V369" s="9">
        <v>0</v>
      </c>
      <c r="W369" s="39">
        <v>0</v>
      </c>
      <c r="X369" s="40">
        <v>0</v>
      </c>
      <c r="Y369" s="9">
        <v>0</v>
      </c>
      <c r="Z369" s="80">
        <v>0</v>
      </c>
      <c r="AA369" s="40">
        <v>0</v>
      </c>
    </row>
    <row r="370" spans="1:27" s="12" customFormat="1" ht="11.25" x14ac:dyDescent="0.25">
      <c r="A370" s="151"/>
      <c r="B370" s="154"/>
      <c r="C370" s="13" t="s">
        <v>63</v>
      </c>
      <c r="D370" s="18">
        <v>0</v>
      </c>
      <c r="E370" s="7">
        <v>0</v>
      </c>
      <c r="F370" s="8">
        <v>0</v>
      </c>
      <c r="G370" s="9">
        <v>0</v>
      </c>
      <c r="H370" s="16">
        <v>0</v>
      </c>
      <c r="I370" s="42">
        <v>0</v>
      </c>
      <c r="J370" s="9">
        <v>0</v>
      </c>
      <c r="K370" s="16">
        <v>0</v>
      </c>
      <c r="L370" s="42">
        <v>0</v>
      </c>
      <c r="M370" s="9">
        <v>0</v>
      </c>
      <c r="N370" s="16">
        <v>0</v>
      </c>
      <c r="O370" s="17">
        <v>0</v>
      </c>
      <c r="P370" s="9">
        <v>0</v>
      </c>
      <c r="Q370" s="16">
        <v>0</v>
      </c>
      <c r="R370" s="17">
        <v>0</v>
      </c>
      <c r="S370" s="9">
        <v>0</v>
      </c>
      <c r="T370" s="16">
        <v>0</v>
      </c>
      <c r="U370" s="17">
        <v>0</v>
      </c>
      <c r="V370" s="9">
        <v>0</v>
      </c>
      <c r="W370" s="16">
        <v>0</v>
      </c>
      <c r="X370" s="17">
        <v>0</v>
      </c>
      <c r="Y370" s="9">
        <v>0</v>
      </c>
      <c r="Z370" s="78">
        <v>0</v>
      </c>
      <c r="AA370" s="36">
        <v>0</v>
      </c>
    </row>
    <row r="371" spans="1:27" s="12" customFormat="1" ht="11.25" x14ac:dyDescent="0.25">
      <c r="A371" s="151"/>
      <c r="B371" s="154"/>
      <c r="C371" s="13" t="s">
        <v>64</v>
      </c>
      <c r="D371" s="18">
        <v>0</v>
      </c>
      <c r="E371" s="7">
        <v>0</v>
      </c>
      <c r="F371" s="8">
        <v>0</v>
      </c>
      <c r="G371" s="9">
        <v>0</v>
      </c>
      <c r="H371" s="16">
        <v>0</v>
      </c>
      <c r="I371" s="42">
        <v>0</v>
      </c>
      <c r="J371" s="9">
        <v>0</v>
      </c>
      <c r="K371" s="16">
        <v>0</v>
      </c>
      <c r="L371" s="42">
        <v>0</v>
      </c>
      <c r="M371" s="9">
        <v>0</v>
      </c>
      <c r="N371" s="16">
        <v>0</v>
      </c>
      <c r="O371" s="17">
        <v>0</v>
      </c>
      <c r="P371" s="9">
        <v>0</v>
      </c>
      <c r="Q371" s="16">
        <v>0</v>
      </c>
      <c r="R371" s="17">
        <v>0</v>
      </c>
      <c r="S371" s="9">
        <v>0</v>
      </c>
      <c r="T371" s="16">
        <v>0</v>
      </c>
      <c r="U371" s="17">
        <v>0</v>
      </c>
      <c r="V371" s="9">
        <v>0</v>
      </c>
      <c r="W371" s="16">
        <v>0</v>
      </c>
      <c r="X371" s="17">
        <v>0</v>
      </c>
      <c r="Y371" s="9">
        <v>0</v>
      </c>
      <c r="Z371" s="78">
        <v>0</v>
      </c>
      <c r="AA371" s="36">
        <v>0</v>
      </c>
    </row>
    <row r="372" spans="1:27" s="12" customFormat="1" ht="12" thickBot="1" x14ac:dyDescent="0.3">
      <c r="A372" s="152"/>
      <c r="B372" s="155"/>
      <c r="C372" s="43" t="s">
        <v>65</v>
      </c>
      <c r="D372" s="44">
        <v>0</v>
      </c>
      <c r="E372" s="7">
        <v>0</v>
      </c>
      <c r="F372" s="8">
        <v>0</v>
      </c>
      <c r="G372" s="9">
        <v>0</v>
      </c>
      <c r="H372" s="45">
        <v>0</v>
      </c>
      <c r="I372" s="47">
        <v>0</v>
      </c>
      <c r="J372" s="9">
        <v>0</v>
      </c>
      <c r="K372" s="45">
        <v>0</v>
      </c>
      <c r="L372" s="47">
        <v>0</v>
      </c>
      <c r="M372" s="9">
        <v>0</v>
      </c>
      <c r="N372" s="45">
        <v>0</v>
      </c>
      <c r="O372" s="46">
        <v>0</v>
      </c>
      <c r="P372" s="9">
        <v>0</v>
      </c>
      <c r="Q372" s="45">
        <v>0</v>
      </c>
      <c r="R372" s="46">
        <v>0</v>
      </c>
      <c r="S372" s="9">
        <v>0</v>
      </c>
      <c r="T372" s="45">
        <v>0</v>
      </c>
      <c r="U372" s="46">
        <v>0</v>
      </c>
      <c r="V372" s="9">
        <v>0</v>
      </c>
      <c r="W372" s="45">
        <v>0</v>
      </c>
      <c r="X372" s="46">
        <v>0</v>
      </c>
      <c r="Y372" s="9">
        <v>0</v>
      </c>
      <c r="Z372" s="79">
        <v>0</v>
      </c>
      <c r="AA372" s="48">
        <v>0</v>
      </c>
    </row>
    <row r="373" spans="1:27" s="12" customFormat="1" ht="11.25" x14ac:dyDescent="0.25">
      <c r="A373" s="150">
        <v>97</v>
      </c>
      <c r="B373" s="153" t="s">
        <v>141</v>
      </c>
      <c r="C373" s="37" t="s">
        <v>44</v>
      </c>
      <c r="D373" s="38">
        <v>51.043862121212122</v>
      </c>
      <c r="E373" s="7">
        <v>37.903862121212121</v>
      </c>
      <c r="F373" s="8">
        <v>13.140000000000002</v>
      </c>
      <c r="G373" s="9">
        <v>27.106045454545452</v>
      </c>
      <c r="H373" s="39">
        <v>20.456045454545453</v>
      </c>
      <c r="I373" s="41">
        <v>6.65</v>
      </c>
      <c r="J373" s="9">
        <v>0</v>
      </c>
      <c r="K373" s="39">
        <v>0</v>
      </c>
      <c r="L373" s="41">
        <v>0</v>
      </c>
      <c r="M373" s="9">
        <v>18.642916666666665</v>
      </c>
      <c r="N373" s="39">
        <v>14.262916666666666</v>
      </c>
      <c r="O373" s="40">
        <v>4.38</v>
      </c>
      <c r="P373" s="9">
        <v>4.1749000000000001</v>
      </c>
      <c r="Q373" s="39">
        <v>2.9548999999999999</v>
      </c>
      <c r="R373" s="40">
        <v>1.22</v>
      </c>
      <c r="S373" s="9">
        <v>1.1200000000000001</v>
      </c>
      <c r="T373" s="39">
        <v>0.23</v>
      </c>
      <c r="U373" s="40">
        <v>0.89</v>
      </c>
      <c r="V373" s="9">
        <v>0</v>
      </c>
      <c r="W373" s="39">
        <v>0</v>
      </c>
      <c r="X373" s="40">
        <v>0</v>
      </c>
      <c r="Y373" s="9">
        <v>0</v>
      </c>
      <c r="Z373" s="80">
        <v>0</v>
      </c>
      <c r="AA373" s="40">
        <v>0</v>
      </c>
    </row>
    <row r="374" spans="1:27" s="12" customFormat="1" ht="11.25" x14ac:dyDescent="0.25">
      <c r="A374" s="151"/>
      <c r="B374" s="154"/>
      <c r="C374" s="13" t="s">
        <v>63</v>
      </c>
      <c r="D374" s="18">
        <v>4.5</v>
      </c>
      <c r="E374" s="7">
        <v>3.0200000000000005</v>
      </c>
      <c r="F374" s="8">
        <v>1.48</v>
      </c>
      <c r="G374" s="9">
        <v>2.12</v>
      </c>
      <c r="H374" s="16">
        <v>2.12</v>
      </c>
      <c r="I374" s="42">
        <v>0</v>
      </c>
      <c r="J374" s="9">
        <v>0</v>
      </c>
      <c r="K374" s="16">
        <v>0</v>
      </c>
      <c r="L374" s="42">
        <v>0</v>
      </c>
      <c r="M374" s="9">
        <v>1.61</v>
      </c>
      <c r="N374" s="16">
        <v>0.86</v>
      </c>
      <c r="O374" s="17">
        <v>0.75</v>
      </c>
      <c r="P374" s="9">
        <v>0.04</v>
      </c>
      <c r="Q374" s="16">
        <v>0.04</v>
      </c>
      <c r="R374" s="17">
        <v>0</v>
      </c>
      <c r="S374" s="9">
        <v>0</v>
      </c>
      <c r="T374" s="16">
        <v>0</v>
      </c>
      <c r="U374" s="17">
        <v>0</v>
      </c>
      <c r="V374" s="9">
        <v>0</v>
      </c>
      <c r="W374" s="16">
        <v>0</v>
      </c>
      <c r="X374" s="17">
        <v>0</v>
      </c>
      <c r="Y374" s="9">
        <v>0.73</v>
      </c>
      <c r="Z374" s="78">
        <v>0</v>
      </c>
      <c r="AA374" s="36">
        <v>0.73</v>
      </c>
    </row>
    <row r="375" spans="1:27" s="12" customFormat="1" ht="11.25" x14ac:dyDescent="0.25">
      <c r="A375" s="151"/>
      <c r="B375" s="154"/>
      <c r="C375" s="13" t="s">
        <v>64</v>
      </c>
      <c r="D375" s="18">
        <v>0</v>
      </c>
      <c r="E375" s="7">
        <v>0</v>
      </c>
      <c r="F375" s="8">
        <v>0</v>
      </c>
      <c r="G375" s="9">
        <v>0</v>
      </c>
      <c r="H375" s="16">
        <v>0</v>
      </c>
      <c r="I375" s="42">
        <v>0</v>
      </c>
      <c r="J375" s="9">
        <v>0</v>
      </c>
      <c r="K375" s="16">
        <v>0</v>
      </c>
      <c r="L375" s="42">
        <v>0</v>
      </c>
      <c r="M375" s="9">
        <v>0</v>
      </c>
      <c r="N375" s="16">
        <v>0</v>
      </c>
      <c r="O375" s="17">
        <v>0</v>
      </c>
      <c r="P375" s="9">
        <v>0</v>
      </c>
      <c r="Q375" s="16">
        <v>0</v>
      </c>
      <c r="R375" s="17">
        <v>0</v>
      </c>
      <c r="S375" s="9">
        <v>0</v>
      </c>
      <c r="T375" s="16">
        <v>0</v>
      </c>
      <c r="U375" s="17">
        <v>0</v>
      </c>
      <c r="V375" s="9">
        <v>0</v>
      </c>
      <c r="W375" s="16">
        <v>0</v>
      </c>
      <c r="X375" s="17">
        <v>0</v>
      </c>
      <c r="Y375" s="9">
        <v>0</v>
      </c>
      <c r="Z375" s="78">
        <v>0</v>
      </c>
      <c r="AA375" s="36">
        <v>0</v>
      </c>
    </row>
    <row r="376" spans="1:27" s="12" customFormat="1" ht="12" thickBot="1" x14ac:dyDescent="0.3">
      <c r="A376" s="152"/>
      <c r="B376" s="155"/>
      <c r="C376" s="43" t="s">
        <v>65</v>
      </c>
      <c r="D376" s="44">
        <v>0</v>
      </c>
      <c r="E376" s="7">
        <v>0</v>
      </c>
      <c r="F376" s="8">
        <v>0</v>
      </c>
      <c r="G376" s="9">
        <v>0</v>
      </c>
      <c r="H376" s="45">
        <v>0</v>
      </c>
      <c r="I376" s="47">
        <v>0</v>
      </c>
      <c r="J376" s="9">
        <v>0</v>
      </c>
      <c r="K376" s="45">
        <v>0</v>
      </c>
      <c r="L376" s="47">
        <v>0</v>
      </c>
      <c r="M376" s="9">
        <v>0</v>
      </c>
      <c r="N376" s="45">
        <v>0</v>
      </c>
      <c r="O376" s="46">
        <v>0</v>
      </c>
      <c r="P376" s="9">
        <v>0</v>
      </c>
      <c r="Q376" s="45">
        <v>0</v>
      </c>
      <c r="R376" s="46">
        <v>0</v>
      </c>
      <c r="S376" s="9">
        <v>0</v>
      </c>
      <c r="T376" s="45">
        <v>0</v>
      </c>
      <c r="U376" s="46">
        <v>0</v>
      </c>
      <c r="V376" s="9">
        <v>0</v>
      </c>
      <c r="W376" s="45">
        <v>0</v>
      </c>
      <c r="X376" s="46">
        <v>0</v>
      </c>
      <c r="Y376" s="9">
        <v>0</v>
      </c>
      <c r="Z376" s="79">
        <v>0</v>
      </c>
      <c r="AA376" s="48">
        <v>0</v>
      </c>
    </row>
    <row r="377" spans="1:27" s="12" customFormat="1" ht="11.25" x14ac:dyDescent="0.25">
      <c r="A377" s="150">
        <v>98</v>
      </c>
      <c r="B377" s="153" t="s">
        <v>142</v>
      </c>
      <c r="C377" s="37" t="s">
        <v>44</v>
      </c>
      <c r="D377" s="38">
        <v>165.137</v>
      </c>
      <c r="E377" s="7">
        <v>134.09658333333334</v>
      </c>
      <c r="F377" s="8">
        <v>31.040416666666673</v>
      </c>
      <c r="G377" s="9">
        <v>84.216566666666665</v>
      </c>
      <c r="H377" s="39">
        <v>73.796566666666664</v>
      </c>
      <c r="I377" s="41">
        <v>10.420000000000002</v>
      </c>
      <c r="J377" s="9">
        <v>0.77</v>
      </c>
      <c r="K377" s="39">
        <v>0.77</v>
      </c>
      <c r="L377" s="41">
        <v>0</v>
      </c>
      <c r="M377" s="9">
        <v>42.279350000000008</v>
      </c>
      <c r="N377" s="39">
        <v>28.528933333333331</v>
      </c>
      <c r="O377" s="40">
        <v>13.750416666666668</v>
      </c>
      <c r="P377" s="9">
        <v>22.391083333333338</v>
      </c>
      <c r="Q377" s="39">
        <v>20.111083333333337</v>
      </c>
      <c r="R377" s="40">
        <v>2.2800000000000002</v>
      </c>
      <c r="S377" s="9">
        <v>10.409999999999998</v>
      </c>
      <c r="T377" s="39">
        <v>8.7399999999999984</v>
      </c>
      <c r="U377" s="40">
        <v>1.6700000000000002</v>
      </c>
      <c r="V377" s="9">
        <v>0</v>
      </c>
      <c r="W377" s="39">
        <v>0</v>
      </c>
      <c r="X377" s="40">
        <v>0</v>
      </c>
      <c r="Y377" s="9">
        <v>5.07</v>
      </c>
      <c r="Z377" s="80">
        <v>2.15</v>
      </c>
      <c r="AA377" s="40">
        <v>2.92</v>
      </c>
    </row>
    <row r="378" spans="1:27" s="12" customFormat="1" ht="11.25" x14ac:dyDescent="0.25">
      <c r="A378" s="151"/>
      <c r="B378" s="154"/>
      <c r="C378" s="13" t="s">
        <v>63</v>
      </c>
      <c r="D378" s="18">
        <v>25.754100000000001</v>
      </c>
      <c r="E378" s="7">
        <v>25.2941</v>
      </c>
      <c r="F378" s="8">
        <v>0.46</v>
      </c>
      <c r="G378" s="9">
        <v>16.07</v>
      </c>
      <c r="H378" s="16">
        <v>15.89</v>
      </c>
      <c r="I378" s="42">
        <v>0.18</v>
      </c>
      <c r="J378" s="9">
        <v>1.9100000000000001</v>
      </c>
      <c r="K378" s="16">
        <v>1.9100000000000001</v>
      </c>
      <c r="L378" s="42">
        <v>0</v>
      </c>
      <c r="M378" s="9">
        <v>2.75</v>
      </c>
      <c r="N378" s="16">
        <v>2.4699999999999998</v>
      </c>
      <c r="O378" s="17">
        <v>0.28000000000000003</v>
      </c>
      <c r="P378" s="9">
        <v>3.1448</v>
      </c>
      <c r="Q378" s="16">
        <v>3.1448</v>
      </c>
      <c r="R378" s="17">
        <v>0</v>
      </c>
      <c r="S378" s="9">
        <v>0.4093</v>
      </c>
      <c r="T378" s="16">
        <v>0.4093</v>
      </c>
      <c r="U378" s="17">
        <v>0</v>
      </c>
      <c r="V378" s="9">
        <v>0</v>
      </c>
      <c r="W378" s="16">
        <v>0</v>
      </c>
      <c r="X378" s="17">
        <v>0</v>
      </c>
      <c r="Y378" s="9">
        <v>1.47</v>
      </c>
      <c r="Z378" s="78">
        <v>1.47</v>
      </c>
      <c r="AA378" s="36">
        <v>0</v>
      </c>
    </row>
    <row r="379" spans="1:27" s="12" customFormat="1" ht="11.25" x14ac:dyDescent="0.25">
      <c r="A379" s="151"/>
      <c r="B379" s="154"/>
      <c r="C379" s="13" t="s">
        <v>64</v>
      </c>
      <c r="D379" s="18">
        <v>0</v>
      </c>
      <c r="E379" s="7">
        <v>0</v>
      </c>
      <c r="F379" s="8">
        <v>0</v>
      </c>
      <c r="G379" s="9">
        <v>0</v>
      </c>
      <c r="H379" s="16">
        <v>0</v>
      </c>
      <c r="I379" s="42">
        <v>0</v>
      </c>
      <c r="J379" s="9">
        <v>0</v>
      </c>
      <c r="K379" s="16">
        <v>0</v>
      </c>
      <c r="L379" s="42">
        <v>0</v>
      </c>
      <c r="M379" s="9">
        <v>0</v>
      </c>
      <c r="N379" s="16">
        <v>0</v>
      </c>
      <c r="O379" s="17">
        <v>0</v>
      </c>
      <c r="P379" s="9">
        <v>0</v>
      </c>
      <c r="Q379" s="16">
        <v>0</v>
      </c>
      <c r="R379" s="17">
        <v>0</v>
      </c>
      <c r="S379" s="9">
        <v>0</v>
      </c>
      <c r="T379" s="16">
        <v>0</v>
      </c>
      <c r="U379" s="17">
        <v>0</v>
      </c>
      <c r="V379" s="9">
        <v>0</v>
      </c>
      <c r="W379" s="16">
        <v>0</v>
      </c>
      <c r="X379" s="17">
        <v>0</v>
      </c>
      <c r="Y379" s="9">
        <v>0</v>
      </c>
      <c r="Z379" s="78">
        <v>0</v>
      </c>
      <c r="AA379" s="36">
        <v>0</v>
      </c>
    </row>
    <row r="380" spans="1:27" s="12" customFormat="1" ht="12" thickBot="1" x14ac:dyDescent="0.3">
      <c r="A380" s="152"/>
      <c r="B380" s="155"/>
      <c r="C380" s="43" t="s">
        <v>65</v>
      </c>
      <c r="D380" s="44">
        <v>0</v>
      </c>
      <c r="E380" s="7">
        <v>0</v>
      </c>
      <c r="F380" s="8">
        <v>0</v>
      </c>
      <c r="G380" s="9">
        <v>0</v>
      </c>
      <c r="H380" s="45">
        <v>0</v>
      </c>
      <c r="I380" s="47">
        <v>0</v>
      </c>
      <c r="J380" s="9">
        <v>0</v>
      </c>
      <c r="K380" s="45">
        <v>0</v>
      </c>
      <c r="L380" s="47">
        <v>0</v>
      </c>
      <c r="M380" s="9">
        <v>0</v>
      </c>
      <c r="N380" s="45">
        <v>0</v>
      </c>
      <c r="O380" s="46">
        <v>0</v>
      </c>
      <c r="P380" s="9">
        <v>0</v>
      </c>
      <c r="Q380" s="45">
        <v>0</v>
      </c>
      <c r="R380" s="46">
        <v>0</v>
      </c>
      <c r="S380" s="9">
        <v>0</v>
      </c>
      <c r="T380" s="45">
        <v>0</v>
      </c>
      <c r="U380" s="46">
        <v>0</v>
      </c>
      <c r="V380" s="9">
        <v>0</v>
      </c>
      <c r="W380" s="45">
        <v>0</v>
      </c>
      <c r="X380" s="46">
        <v>0</v>
      </c>
      <c r="Y380" s="9">
        <v>0</v>
      </c>
      <c r="Z380" s="79">
        <v>0</v>
      </c>
      <c r="AA380" s="48">
        <v>0</v>
      </c>
    </row>
    <row r="381" spans="1:27" s="12" customFormat="1" ht="11.25" x14ac:dyDescent="0.25">
      <c r="A381" s="156">
        <v>99</v>
      </c>
      <c r="B381" s="159" t="s">
        <v>143</v>
      </c>
      <c r="C381" s="37" t="s">
        <v>44</v>
      </c>
      <c r="D381" s="38">
        <v>853.95380666666676</v>
      </c>
      <c r="E381" s="7">
        <v>756.7657066666668</v>
      </c>
      <c r="F381" s="8">
        <v>97.188099999999991</v>
      </c>
      <c r="G381" s="9">
        <v>493.13401666666681</v>
      </c>
      <c r="H381" s="39">
        <v>454.29381666666677</v>
      </c>
      <c r="I381" s="41">
        <v>38.840199999999996</v>
      </c>
      <c r="J381" s="9">
        <v>13.2173</v>
      </c>
      <c r="K381" s="39">
        <v>12.2173</v>
      </c>
      <c r="L381" s="41">
        <v>1</v>
      </c>
      <c r="M381" s="9">
        <v>243.93709000000001</v>
      </c>
      <c r="N381" s="39">
        <v>202.44179000000003</v>
      </c>
      <c r="O381" s="40">
        <v>41.4953</v>
      </c>
      <c r="P381" s="9">
        <v>54.149900000000002</v>
      </c>
      <c r="Q381" s="39">
        <v>50.819900000000004</v>
      </c>
      <c r="R381" s="40">
        <v>3.33</v>
      </c>
      <c r="S381" s="9">
        <v>35.963899999999995</v>
      </c>
      <c r="T381" s="39">
        <v>30.803899999999999</v>
      </c>
      <c r="U381" s="40">
        <v>5.1599999999999993</v>
      </c>
      <c r="V381" s="9">
        <v>1.52</v>
      </c>
      <c r="W381" s="39">
        <v>0.05</v>
      </c>
      <c r="X381" s="40">
        <v>1.47</v>
      </c>
      <c r="Y381" s="9">
        <v>12.031599999999999</v>
      </c>
      <c r="Z381" s="80">
        <v>6.1389999999999993</v>
      </c>
      <c r="AA381" s="40">
        <v>5.8925999999999998</v>
      </c>
    </row>
    <row r="382" spans="1:27" s="12" customFormat="1" ht="11.25" x14ac:dyDescent="0.25">
      <c r="A382" s="157"/>
      <c r="B382" s="160"/>
      <c r="C382" s="13" t="s">
        <v>63</v>
      </c>
      <c r="D382" s="18">
        <v>57.256200000000007</v>
      </c>
      <c r="E382" s="7">
        <v>48.756200000000007</v>
      </c>
      <c r="F382" s="8">
        <v>8.5</v>
      </c>
      <c r="G382" s="9">
        <v>28.985100000000003</v>
      </c>
      <c r="H382" s="16">
        <v>24.495100000000001</v>
      </c>
      <c r="I382" s="42">
        <v>4.49</v>
      </c>
      <c r="J382" s="9">
        <v>2.0960000000000001</v>
      </c>
      <c r="K382" s="16">
        <v>2.0960000000000001</v>
      </c>
      <c r="L382" s="42">
        <v>0</v>
      </c>
      <c r="M382" s="9">
        <v>11.159600000000001</v>
      </c>
      <c r="N382" s="16">
        <v>9.5396000000000001</v>
      </c>
      <c r="O382" s="17">
        <v>1.62</v>
      </c>
      <c r="P382" s="9">
        <v>6.5242000000000004</v>
      </c>
      <c r="Q382" s="16">
        <v>6.5242000000000004</v>
      </c>
      <c r="R382" s="17">
        <v>0</v>
      </c>
      <c r="S382" s="9">
        <v>5.2691999999999997</v>
      </c>
      <c r="T382" s="16">
        <v>3.2692000000000001</v>
      </c>
      <c r="U382" s="17">
        <v>2</v>
      </c>
      <c r="V382" s="9">
        <v>0.27</v>
      </c>
      <c r="W382" s="16">
        <v>0.27</v>
      </c>
      <c r="X382" s="17">
        <v>0</v>
      </c>
      <c r="Y382" s="9">
        <v>2.9521000000000002</v>
      </c>
      <c r="Z382" s="78">
        <v>2.5621</v>
      </c>
      <c r="AA382" s="36">
        <v>0.39</v>
      </c>
    </row>
    <row r="383" spans="1:27" s="12" customFormat="1" ht="11.25" x14ac:dyDescent="0.25">
      <c r="A383" s="157"/>
      <c r="B383" s="160"/>
      <c r="C383" s="15" t="s">
        <v>64</v>
      </c>
      <c r="D383" s="18">
        <v>0.98</v>
      </c>
      <c r="E383" s="7">
        <v>0.98</v>
      </c>
      <c r="F383" s="8">
        <v>0</v>
      </c>
      <c r="G383" s="9">
        <v>0.98</v>
      </c>
      <c r="H383" s="16">
        <v>0.98</v>
      </c>
      <c r="I383" s="42">
        <v>0</v>
      </c>
      <c r="J383" s="9">
        <v>0</v>
      </c>
      <c r="K383" s="16">
        <v>0</v>
      </c>
      <c r="L383" s="42">
        <v>0</v>
      </c>
      <c r="M383" s="9">
        <v>0</v>
      </c>
      <c r="N383" s="16">
        <v>0</v>
      </c>
      <c r="O383" s="17">
        <v>0</v>
      </c>
      <c r="P383" s="9">
        <v>0</v>
      </c>
      <c r="Q383" s="16">
        <v>0</v>
      </c>
      <c r="R383" s="17">
        <v>0</v>
      </c>
      <c r="S383" s="9">
        <v>0</v>
      </c>
      <c r="T383" s="16">
        <v>0</v>
      </c>
      <c r="U383" s="17">
        <v>0</v>
      </c>
      <c r="V383" s="9">
        <v>0</v>
      </c>
      <c r="W383" s="16">
        <v>0</v>
      </c>
      <c r="X383" s="17">
        <v>0</v>
      </c>
      <c r="Y383" s="9">
        <v>0</v>
      </c>
      <c r="Z383" s="78">
        <v>0</v>
      </c>
      <c r="AA383" s="36">
        <v>0</v>
      </c>
    </row>
    <row r="384" spans="1:27" s="12" customFormat="1" ht="12" thickBot="1" x14ac:dyDescent="0.3">
      <c r="A384" s="158"/>
      <c r="B384" s="161"/>
      <c r="C384" s="43" t="s">
        <v>65</v>
      </c>
      <c r="D384" s="44">
        <v>0</v>
      </c>
      <c r="E384" s="7">
        <v>0</v>
      </c>
      <c r="F384" s="8">
        <v>0</v>
      </c>
      <c r="G384" s="9">
        <v>0</v>
      </c>
      <c r="H384" s="45">
        <v>0</v>
      </c>
      <c r="I384" s="47">
        <v>0</v>
      </c>
      <c r="J384" s="9">
        <v>0</v>
      </c>
      <c r="K384" s="45">
        <v>0</v>
      </c>
      <c r="L384" s="47">
        <v>0</v>
      </c>
      <c r="M384" s="9">
        <v>0</v>
      </c>
      <c r="N384" s="45">
        <v>0</v>
      </c>
      <c r="O384" s="46">
        <v>0</v>
      </c>
      <c r="P384" s="9">
        <v>0</v>
      </c>
      <c r="Q384" s="45">
        <v>0</v>
      </c>
      <c r="R384" s="46">
        <v>0</v>
      </c>
      <c r="S384" s="9">
        <v>0</v>
      </c>
      <c r="T384" s="45">
        <v>0</v>
      </c>
      <c r="U384" s="46">
        <v>0</v>
      </c>
      <c r="V384" s="9">
        <v>0</v>
      </c>
      <c r="W384" s="45">
        <v>0</v>
      </c>
      <c r="X384" s="46">
        <v>0</v>
      </c>
      <c r="Y384" s="9">
        <v>0</v>
      </c>
      <c r="Z384" s="79">
        <v>0</v>
      </c>
      <c r="AA384" s="48">
        <v>0</v>
      </c>
    </row>
    <row r="385" spans="1:27" s="12" customFormat="1" ht="11.25" x14ac:dyDescent="0.25">
      <c r="A385" s="150">
        <v>100</v>
      </c>
      <c r="B385" s="153" t="s">
        <v>144</v>
      </c>
      <c r="C385" s="37" t="s">
        <v>44</v>
      </c>
      <c r="D385" s="38">
        <v>386.08265833333331</v>
      </c>
      <c r="E385" s="7">
        <v>332.19002499999999</v>
      </c>
      <c r="F385" s="8">
        <v>53.892633333333329</v>
      </c>
      <c r="G385" s="9">
        <v>162.45140000000001</v>
      </c>
      <c r="H385" s="39">
        <v>136.91140000000001</v>
      </c>
      <c r="I385" s="41">
        <v>25.54</v>
      </c>
      <c r="J385" s="9">
        <v>3.48</v>
      </c>
      <c r="K385" s="39">
        <v>3.48</v>
      </c>
      <c r="L385" s="41">
        <v>0</v>
      </c>
      <c r="M385" s="9">
        <v>145.30302499999999</v>
      </c>
      <c r="N385" s="39">
        <v>130.748625</v>
      </c>
      <c r="O385" s="40">
        <v>14.554400000000001</v>
      </c>
      <c r="P385" s="9">
        <v>62.698333333333338</v>
      </c>
      <c r="Q385" s="39">
        <v>55.38</v>
      </c>
      <c r="R385" s="40">
        <v>7.3183333333333342</v>
      </c>
      <c r="S385" s="9">
        <v>7.4866999999999999</v>
      </c>
      <c r="T385" s="39">
        <v>5.08</v>
      </c>
      <c r="U385" s="40">
        <v>2.4066999999999998</v>
      </c>
      <c r="V385" s="9">
        <v>0</v>
      </c>
      <c r="W385" s="39">
        <v>0</v>
      </c>
      <c r="X385" s="40">
        <v>0</v>
      </c>
      <c r="Y385" s="9">
        <v>4.6632000000000007</v>
      </c>
      <c r="Z385" s="80">
        <v>0.59</v>
      </c>
      <c r="AA385" s="40">
        <v>4.0732000000000008</v>
      </c>
    </row>
    <row r="386" spans="1:27" s="12" customFormat="1" ht="11.25" x14ac:dyDescent="0.25">
      <c r="A386" s="151"/>
      <c r="B386" s="154"/>
      <c r="C386" s="13" t="s">
        <v>63</v>
      </c>
      <c r="D386" s="18">
        <v>13.525000000000002</v>
      </c>
      <c r="E386" s="7">
        <v>12.145000000000001</v>
      </c>
      <c r="F386" s="8">
        <v>1.3800000000000001</v>
      </c>
      <c r="G386" s="9">
        <v>4.5712000000000002</v>
      </c>
      <c r="H386" s="16">
        <v>4.5712000000000002</v>
      </c>
      <c r="I386" s="42">
        <v>0</v>
      </c>
      <c r="J386" s="9">
        <v>0</v>
      </c>
      <c r="K386" s="16">
        <v>0</v>
      </c>
      <c r="L386" s="42">
        <v>0</v>
      </c>
      <c r="M386" s="9">
        <v>4.42</v>
      </c>
      <c r="N386" s="16">
        <v>4.42</v>
      </c>
      <c r="O386" s="17">
        <v>0</v>
      </c>
      <c r="P386" s="9">
        <v>3.6038000000000001</v>
      </c>
      <c r="Q386" s="16">
        <v>3.1537999999999999</v>
      </c>
      <c r="R386" s="17">
        <v>0.45</v>
      </c>
      <c r="S386" s="9">
        <v>0</v>
      </c>
      <c r="T386" s="16">
        <v>0</v>
      </c>
      <c r="U386" s="17">
        <v>0</v>
      </c>
      <c r="V386" s="9">
        <v>0</v>
      </c>
      <c r="W386" s="16">
        <v>0</v>
      </c>
      <c r="X386" s="17">
        <v>0</v>
      </c>
      <c r="Y386" s="9">
        <v>0.93</v>
      </c>
      <c r="Z386" s="78">
        <v>0</v>
      </c>
      <c r="AA386" s="36">
        <v>0.93</v>
      </c>
    </row>
    <row r="387" spans="1:27" s="12" customFormat="1" ht="11.25" x14ac:dyDescent="0.25">
      <c r="A387" s="151"/>
      <c r="B387" s="154"/>
      <c r="C387" s="13" t="s">
        <v>64</v>
      </c>
      <c r="D387" s="18">
        <v>0</v>
      </c>
      <c r="E387" s="7">
        <v>0</v>
      </c>
      <c r="F387" s="8">
        <v>0</v>
      </c>
      <c r="G387" s="9">
        <v>0</v>
      </c>
      <c r="H387" s="16">
        <v>0</v>
      </c>
      <c r="I387" s="42">
        <v>0</v>
      </c>
      <c r="J387" s="9">
        <v>0</v>
      </c>
      <c r="K387" s="16">
        <v>0</v>
      </c>
      <c r="L387" s="42">
        <v>0</v>
      </c>
      <c r="M387" s="9">
        <v>0</v>
      </c>
      <c r="N387" s="16">
        <v>0</v>
      </c>
      <c r="O387" s="17">
        <v>0</v>
      </c>
      <c r="P387" s="9">
        <v>0</v>
      </c>
      <c r="Q387" s="16">
        <v>0</v>
      </c>
      <c r="R387" s="17">
        <v>0</v>
      </c>
      <c r="S387" s="9">
        <v>0</v>
      </c>
      <c r="T387" s="16">
        <v>0</v>
      </c>
      <c r="U387" s="17">
        <v>0</v>
      </c>
      <c r="V387" s="9">
        <v>0</v>
      </c>
      <c r="W387" s="16">
        <v>0</v>
      </c>
      <c r="X387" s="17">
        <v>0</v>
      </c>
      <c r="Y387" s="9">
        <v>0</v>
      </c>
      <c r="Z387" s="78">
        <v>0</v>
      </c>
      <c r="AA387" s="36">
        <v>0</v>
      </c>
    </row>
    <row r="388" spans="1:27" s="12" customFormat="1" ht="12" thickBot="1" x14ac:dyDescent="0.3">
      <c r="A388" s="152"/>
      <c r="B388" s="155"/>
      <c r="C388" s="43" t="s">
        <v>65</v>
      </c>
      <c r="D388" s="44">
        <v>0</v>
      </c>
      <c r="E388" s="7">
        <v>0</v>
      </c>
      <c r="F388" s="8">
        <v>0</v>
      </c>
      <c r="G388" s="9">
        <v>0</v>
      </c>
      <c r="H388" s="45">
        <v>0</v>
      </c>
      <c r="I388" s="47">
        <v>0</v>
      </c>
      <c r="J388" s="9">
        <v>0</v>
      </c>
      <c r="K388" s="45">
        <v>0</v>
      </c>
      <c r="L388" s="47">
        <v>0</v>
      </c>
      <c r="M388" s="9">
        <v>0</v>
      </c>
      <c r="N388" s="45">
        <v>0</v>
      </c>
      <c r="O388" s="46">
        <v>0</v>
      </c>
      <c r="P388" s="9">
        <v>0</v>
      </c>
      <c r="Q388" s="45">
        <v>0</v>
      </c>
      <c r="R388" s="46">
        <v>0</v>
      </c>
      <c r="S388" s="9">
        <v>0</v>
      </c>
      <c r="T388" s="45">
        <v>0</v>
      </c>
      <c r="U388" s="46">
        <v>0</v>
      </c>
      <c r="V388" s="9">
        <v>0</v>
      </c>
      <c r="W388" s="45">
        <v>0</v>
      </c>
      <c r="X388" s="46">
        <v>0</v>
      </c>
      <c r="Y388" s="9">
        <v>0</v>
      </c>
      <c r="Z388" s="79">
        <v>0</v>
      </c>
      <c r="AA388" s="48">
        <v>0</v>
      </c>
    </row>
    <row r="389" spans="1:27" s="12" customFormat="1" ht="11.25" x14ac:dyDescent="0.25">
      <c r="A389" s="150">
        <v>101</v>
      </c>
      <c r="B389" s="153" t="s">
        <v>145</v>
      </c>
      <c r="C389" s="37" t="s">
        <v>44</v>
      </c>
      <c r="D389" s="38">
        <v>210.37765444444446</v>
      </c>
      <c r="E389" s="7">
        <v>205.57682111111112</v>
      </c>
      <c r="F389" s="8">
        <v>4.8008333333333333</v>
      </c>
      <c r="G389" s="9">
        <v>96.698300000000003</v>
      </c>
      <c r="H389" s="39">
        <v>96.568299999999994</v>
      </c>
      <c r="I389" s="41">
        <v>0.13</v>
      </c>
      <c r="J389" s="9">
        <v>1.53</v>
      </c>
      <c r="K389" s="39">
        <v>1.53</v>
      </c>
      <c r="L389" s="41">
        <v>0</v>
      </c>
      <c r="M389" s="9">
        <v>59.118733333333338</v>
      </c>
      <c r="N389" s="39">
        <v>55.117899999999999</v>
      </c>
      <c r="O389" s="40">
        <v>4.0008333333333335</v>
      </c>
      <c r="P389" s="9">
        <v>16.811666666666667</v>
      </c>
      <c r="Q389" s="39">
        <v>16.141666666666666</v>
      </c>
      <c r="R389" s="40">
        <v>0.67</v>
      </c>
      <c r="S389" s="9">
        <v>23.821944444444441</v>
      </c>
      <c r="T389" s="39">
        <v>23.821944444444441</v>
      </c>
      <c r="U389" s="40">
        <v>0</v>
      </c>
      <c r="V389" s="9">
        <v>0</v>
      </c>
      <c r="W389" s="39">
        <v>0</v>
      </c>
      <c r="X389" s="40">
        <v>0</v>
      </c>
      <c r="Y389" s="9">
        <v>12.39701</v>
      </c>
      <c r="Z389" s="80">
        <v>12.39701</v>
      </c>
      <c r="AA389" s="40">
        <v>0</v>
      </c>
    </row>
    <row r="390" spans="1:27" s="12" customFormat="1" ht="11.25" x14ac:dyDescent="0.25">
      <c r="A390" s="151"/>
      <c r="B390" s="154"/>
      <c r="C390" s="13" t="s">
        <v>63</v>
      </c>
      <c r="D390" s="18">
        <v>9.9618000000000002</v>
      </c>
      <c r="E390" s="7">
        <v>9.9618000000000002</v>
      </c>
      <c r="F390" s="8">
        <v>0</v>
      </c>
      <c r="G390" s="9">
        <v>3.8902000000000001</v>
      </c>
      <c r="H390" s="16">
        <v>3.8902000000000001</v>
      </c>
      <c r="I390" s="42">
        <v>0</v>
      </c>
      <c r="J390" s="9">
        <v>0</v>
      </c>
      <c r="K390" s="16">
        <v>0</v>
      </c>
      <c r="L390" s="42">
        <v>0</v>
      </c>
      <c r="M390" s="9">
        <v>3.53</v>
      </c>
      <c r="N390" s="16">
        <v>3.53</v>
      </c>
      <c r="O390" s="17">
        <v>0</v>
      </c>
      <c r="P390" s="9">
        <v>1.9500000000000002</v>
      </c>
      <c r="Q390" s="16">
        <v>1.9500000000000002</v>
      </c>
      <c r="R390" s="17">
        <v>0</v>
      </c>
      <c r="S390" s="9">
        <v>0.59160000000000001</v>
      </c>
      <c r="T390" s="16">
        <v>0.59160000000000001</v>
      </c>
      <c r="U390" s="17">
        <v>0</v>
      </c>
      <c r="V390" s="9">
        <v>0</v>
      </c>
      <c r="W390" s="16">
        <v>0</v>
      </c>
      <c r="X390" s="17">
        <v>0</v>
      </c>
      <c r="Y390" s="9">
        <v>0</v>
      </c>
      <c r="Z390" s="78">
        <v>0</v>
      </c>
      <c r="AA390" s="36">
        <v>0</v>
      </c>
    </row>
    <row r="391" spans="1:27" s="12" customFormat="1" ht="11.25" x14ac:dyDescent="0.25">
      <c r="A391" s="151"/>
      <c r="B391" s="154"/>
      <c r="C391" s="13" t="s">
        <v>64</v>
      </c>
      <c r="D391" s="18">
        <v>0</v>
      </c>
      <c r="E391" s="7">
        <v>0</v>
      </c>
      <c r="F391" s="8">
        <v>0</v>
      </c>
      <c r="G391" s="9">
        <v>0</v>
      </c>
      <c r="H391" s="16">
        <v>0</v>
      </c>
      <c r="I391" s="42">
        <v>0</v>
      </c>
      <c r="J391" s="9">
        <v>0</v>
      </c>
      <c r="K391" s="16">
        <v>0</v>
      </c>
      <c r="L391" s="42">
        <v>0</v>
      </c>
      <c r="M391" s="9">
        <v>0</v>
      </c>
      <c r="N391" s="16">
        <v>0</v>
      </c>
      <c r="O391" s="17">
        <v>0</v>
      </c>
      <c r="P391" s="9">
        <v>0</v>
      </c>
      <c r="Q391" s="16">
        <v>0</v>
      </c>
      <c r="R391" s="17">
        <v>0</v>
      </c>
      <c r="S391" s="9">
        <v>0</v>
      </c>
      <c r="T391" s="16">
        <v>0</v>
      </c>
      <c r="U391" s="17">
        <v>0</v>
      </c>
      <c r="V391" s="9">
        <v>0</v>
      </c>
      <c r="W391" s="16">
        <v>0</v>
      </c>
      <c r="X391" s="17">
        <v>0</v>
      </c>
      <c r="Y391" s="9">
        <v>0</v>
      </c>
      <c r="Z391" s="78">
        <v>0</v>
      </c>
      <c r="AA391" s="36">
        <v>0</v>
      </c>
    </row>
    <row r="392" spans="1:27" s="12" customFormat="1" ht="12" thickBot="1" x14ac:dyDescent="0.3">
      <c r="A392" s="152"/>
      <c r="B392" s="155"/>
      <c r="C392" s="43" t="s">
        <v>65</v>
      </c>
      <c r="D392" s="44">
        <v>0</v>
      </c>
      <c r="E392" s="7">
        <v>0</v>
      </c>
      <c r="F392" s="8">
        <v>0</v>
      </c>
      <c r="G392" s="9">
        <v>0</v>
      </c>
      <c r="H392" s="45">
        <v>0</v>
      </c>
      <c r="I392" s="47">
        <v>0</v>
      </c>
      <c r="J392" s="9">
        <v>0</v>
      </c>
      <c r="K392" s="45">
        <v>0</v>
      </c>
      <c r="L392" s="47">
        <v>0</v>
      </c>
      <c r="M392" s="9">
        <v>0</v>
      </c>
      <c r="N392" s="45">
        <v>0</v>
      </c>
      <c r="O392" s="46">
        <v>0</v>
      </c>
      <c r="P392" s="9">
        <v>0</v>
      </c>
      <c r="Q392" s="45">
        <v>0</v>
      </c>
      <c r="R392" s="46">
        <v>0</v>
      </c>
      <c r="S392" s="9">
        <v>0</v>
      </c>
      <c r="T392" s="45">
        <v>0</v>
      </c>
      <c r="U392" s="46">
        <v>0</v>
      </c>
      <c r="V392" s="9">
        <v>0</v>
      </c>
      <c r="W392" s="45">
        <v>0</v>
      </c>
      <c r="X392" s="46">
        <v>0</v>
      </c>
      <c r="Y392" s="9">
        <v>0</v>
      </c>
      <c r="Z392" s="79">
        <v>0</v>
      </c>
      <c r="AA392" s="48">
        <v>0</v>
      </c>
    </row>
    <row r="393" spans="1:27" s="12" customFormat="1" ht="11.25" x14ac:dyDescent="0.25">
      <c r="A393" s="150">
        <v>102</v>
      </c>
      <c r="B393" s="153" t="s">
        <v>146</v>
      </c>
      <c r="C393" s="37" t="s">
        <v>44</v>
      </c>
      <c r="D393" s="38">
        <v>24.750000000000004</v>
      </c>
      <c r="E393" s="7">
        <v>24.750000000000004</v>
      </c>
      <c r="F393" s="8">
        <v>0</v>
      </c>
      <c r="G393" s="9">
        <v>8.39</v>
      </c>
      <c r="H393" s="39">
        <v>8.39</v>
      </c>
      <c r="I393" s="41">
        <v>0</v>
      </c>
      <c r="J393" s="9">
        <v>2.97</v>
      </c>
      <c r="K393" s="39">
        <v>2.97</v>
      </c>
      <c r="L393" s="41">
        <v>0</v>
      </c>
      <c r="M393" s="9">
        <v>4.9800000000000004</v>
      </c>
      <c r="N393" s="39">
        <v>4.9800000000000004</v>
      </c>
      <c r="O393" s="40">
        <v>0</v>
      </c>
      <c r="P393" s="9">
        <v>5.1400000000000006</v>
      </c>
      <c r="Q393" s="39">
        <v>5.1400000000000006</v>
      </c>
      <c r="R393" s="40">
        <v>0</v>
      </c>
      <c r="S393" s="9">
        <v>3.2700000000000005</v>
      </c>
      <c r="T393" s="39">
        <v>3.2700000000000005</v>
      </c>
      <c r="U393" s="40">
        <v>0</v>
      </c>
      <c r="V393" s="9">
        <v>0</v>
      </c>
      <c r="W393" s="39">
        <v>0</v>
      </c>
      <c r="X393" s="40">
        <v>0</v>
      </c>
      <c r="Y393" s="9">
        <v>0</v>
      </c>
      <c r="Z393" s="80">
        <v>0</v>
      </c>
      <c r="AA393" s="40">
        <v>0</v>
      </c>
    </row>
    <row r="394" spans="1:27" s="12" customFormat="1" ht="11.25" x14ac:dyDescent="0.25">
      <c r="A394" s="151"/>
      <c r="B394" s="154"/>
      <c r="C394" s="13" t="s">
        <v>63</v>
      </c>
      <c r="D394" s="18">
        <v>1.45</v>
      </c>
      <c r="E394" s="7">
        <v>1.45</v>
      </c>
      <c r="F394" s="8">
        <v>0</v>
      </c>
      <c r="G394" s="9">
        <v>0.15</v>
      </c>
      <c r="H394" s="16">
        <v>0.15</v>
      </c>
      <c r="I394" s="42">
        <v>0</v>
      </c>
      <c r="J394" s="9">
        <v>0</v>
      </c>
      <c r="K394" s="16">
        <v>0</v>
      </c>
      <c r="L394" s="42">
        <v>0</v>
      </c>
      <c r="M394" s="9">
        <v>0</v>
      </c>
      <c r="N394" s="16">
        <v>0</v>
      </c>
      <c r="O394" s="17">
        <v>0</v>
      </c>
      <c r="P394" s="9">
        <v>0.71</v>
      </c>
      <c r="Q394" s="16">
        <v>0.71</v>
      </c>
      <c r="R394" s="17">
        <v>0</v>
      </c>
      <c r="S394" s="9">
        <v>0.59</v>
      </c>
      <c r="T394" s="16">
        <v>0.59</v>
      </c>
      <c r="U394" s="17">
        <v>0</v>
      </c>
      <c r="V394" s="9">
        <v>0</v>
      </c>
      <c r="W394" s="16">
        <v>0</v>
      </c>
      <c r="X394" s="17">
        <v>0</v>
      </c>
      <c r="Y394" s="9">
        <v>0</v>
      </c>
      <c r="Z394" s="78">
        <v>0</v>
      </c>
      <c r="AA394" s="36">
        <v>0</v>
      </c>
    </row>
    <row r="395" spans="1:27" s="12" customFormat="1" ht="11.25" x14ac:dyDescent="0.25">
      <c r="A395" s="163"/>
      <c r="B395" s="162"/>
      <c r="C395" s="15" t="s">
        <v>64</v>
      </c>
      <c r="D395" s="18">
        <v>0</v>
      </c>
      <c r="E395" s="7">
        <v>0</v>
      </c>
      <c r="F395" s="8">
        <v>0</v>
      </c>
      <c r="G395" s="9">
        <v>0</v>
      </c>
      <c r="H395" s="16">
        <v>0</v>
      </c>
      <c r="I395" s="42">
        <v>0</v>
      </c>
      <c r="J395" s="9">
        <v>0</v>
      </c>
      <c r="K395" s="16">
        <v>0</v>
      </c>
      <c r="L395" s="42">
        <v>0</v>
      </c>
      <c r="M395" s="9">
        <v>0</v>
      </c>
      <c r="N395" s="16">
        <v>0</v>
      </c>
      <c r="O395" s="17">
        <v>0</v>
      </c>
      <c r="P395" s="9">
        <v>0</v>
      </c>
      <c r="Q395" s="16">
        <v>0</v>
      </c>
      <c r="R395" s="17">
        <v>0</v>
      </c>
      <c r="S395" s="9">
        <v>0</v>
      </c>
      <c r="T395" s="16">
        <v>0</v>
      </c>
      <c r="U395" s="17">
        <v>0</v>
      </c>
      <c r="V395" s="9">
        <v>0</v>
      </c>
      <c r="W395" s="16">
        <v>0</v>
      </c>
      <c r="X395" s="17">
        <v>0</v>
      </c>
      <c r="Y395" s="9">
        <v>0</v>
      </c>
      <c r="Z395" s="78">
        <v>0</v>
      </c>
      <c r="AA395" s="36">
        <v>0</v>
      </c>
    </row>
    <row r="396" spans="1:27" s="12" customFormat="1" ht="20.25" customHeight="1" thickBot="1" x14ac:dyDescent="0.3">
      <c r="A396" s="152"/>
      <c r="B396" s="155"/>
      <c r="C396" s="43" t="s">
        <v>65</v>
      </c>
      <c r="D396" s="44">
        <v>0</v>
      </c>
      <c r="E396" s="7">
        <v>0</v>
      </c>
      <c r="F396" s="8">
        <v>0</v>
      </c>
      <c r="G396" s="9">
        <v>0</v>
      </c>
      <c r="H396" s="45">
        <v>0</v>
      </c>
      <c r="I396" s="47">
        <v>0</v>
      </c>
      <c r="J396" s="9">
        <v>0</v>
      </c>
      <c r="K396" s="45">
        <v>0</v>
      </c>
      <c r="L396" s="47">
        <v>0</v>
      </c>
      <c r="M396" s="9">
        <v>0</v>
      </c>
      <c r="N396" s="45">
        <v>0</v>
      </c>
      <c r="O396" s="46">
        <v>0</v>
      </c>
      <c r="P396" s="9">
        <v>0</v>
      </c>
      <c r="Q396" s="45">
        <v>0</v>
      </c>
      <c r="R396" s="46">
        <v>0</v>
      </c>
      <c r="S396" s="9">
        <v>0</v>
      </c>
      <c r="T396" s="45">
        <v>0</v>
      </c>
      <c r="U396" s="46">
        <v>0</v>
      </c>
      <c r="V396" s="9">
        <v>0</v>
      </c>
      <c r="W396" s="45">
        <v>0</v>
      </c>
      <c r="X396" s="46">
        <v>0</v>
      </c>
      <c r="Y396" s="9">
        <v>0</v>
      </c>
      <c r="Z396" s="79">
        <v>0</v>
      </c>
      <c r="AA396" s="48">
        <v>0</v>
      </c>
    </row>
    <row r="397" spans="1:27" s="12" customFormat="1" ht="11.25" x14ac:dyDescent="0.25">
      <c r="A397" s="150">
        <v>103</v>
      </c>
      <c r="B397" s="153" t="s">
        <v>147</v>
      </c>
      <c r="C397" s="37" t="s">
        <v>44</v>
      </c>
      <c r="D397" s="38">
        <v>418.62353333333334</v>
      </c>
      <c r="E397" s="7">
        <v>413.72153333333335</v>
      </c>
      <c r="F397" s="8">
        <v>4.9020000000000001</v>
      </c>
      <c r="G397" s="9">
        <v>196.99958333333333</v>
      </c>
      <c r="H397" s="39">
        <v>195.49958333333333</v>
      </c>
      <c r="I397" s="41">
        <v>1.5</v>
      </c>
      <c r="J397" s="9">
        <v>7.3599999999999994</v>
      </c>
      <c r="K397" s="39">
        <v>7.3599999999999994</v>
      </c>
      <c r="L397" s="41">
        <v>0</v>
      </c>
      <c r="M397" s="9">
        <v>46.02075</v>
      </c>
      <c r="N397" s="39">
        <v>43.758750000000006</v>
      </c>
      <c r="O397" s="40">
        <v>2.262</v>
      </c>
      <c r="P397" s="9">
        <v>165.3032</v>
      </c>
      <c r="Q397" s="39">
        <v>164.16320000000002</v>
      </c>
      <c r="R397" s="40">
        <v>1.1400000000000001</v>
      </c>
      <c r="S397" s="9">
        <v>2.94</v>
      </c>
      <c r="T397" s="39">
        <v>2.94</v>
      </c>
      <c r="U397" s="40">
        <v>0</v>
      </c>
      <c r="V397" s="9">
        <v>0</v>
      </c>
      <c r="W397" s="39">
        <v>0</v>
      </c>
      <c r="X397" s="40">
        <v>0</v>
      </c>
      <c r="Y397" s="9">
        <v>0</v>
      </c>
      <c r="Z397" s="80">
        <v>0</v>
      </c>
      <c r="AA397" s="40">
        <v>0</v>
      </c>
    </row>
    <row r="398" spans="1:27" s="12" customFormat="1" ht="11.25" x14ac:dyDescent="0.25">
      <c r="A398" s="151"/>
      <c r="B398" s="154"/>
      <c r="C398" s="13" t="s">
        <v>63</v>
      </c>
      <c r="D398" s="18">
        <v>24.739100000000001</v>
      </c>
      <c r="E398" s="7">
        <v>24.739100000000001</v>
      </c>
      <c r="F398" s="8">
        <v>0</v>
      </c>
      <c r="G398" s="9">
        <v>3.81</v>
      </c>
      <c r="H398" s="16">
        <v>3.81</v>
      </c>
      <c r="I398" s="42">
        <v>0</v>
      </c>
      <c r="J398" s="9">
        <v>0</v>
      </c>
      <c r="K398" s="16">
        <v>0</v>
      </c>
      <c r="L398" s="42">
        <v>0</v>
      </c>
      <c r="M398" s="9">
        <v>2.25</v>
      </c>
      <c r="N398" s="16">
        <v>2.25</v>
      </c>
      <c r="O398" s="17">
        <v>0</v>
      </c>
      <c r="P398" s="9">
        <v>18.679099999999998</v>
      </c>
      <c r="Q398" s="16">
        <v>18.679099999999998</v>
      </c>
      <c r="R398" s="17">
        <v>0</v>
      </c>
      <c r="S398" s="9">
        <v>0</v>
      </c>
      <c r="T398" s="16">
        <v>0</v>
      </c>
      <c r="U398" s="17">
        <v>0</v>
      </c>
      <c r="V398" s="9">
        <v>0</v>
      </c>
      <c r="W398" s="16">
        <v>0</v>
      </c>
      <c r="X398" s="17">
        <v>0</v>
      </c>
      <c r="Y398" s="9">
        <v>0</v>
      </c>
      <c r="Z398" s="78">
        <v>0</v>
      </c>
      <c r="AA398" s="36">
        <v>0</v>
      </c>
    </row>
    <row r="399" spans="1:27" s="12" customFormat="1" ht="11.25" x14ac:dyDescent="0.25">
      <c r="A399" s="163"/>
      <c r="B399" s="162"/>
      <c r="C399" s="15" t="s">
        <v>64</v>
      </c>
      <c r="D399" s="18">
        <v>0</v>
      </c>
      <c r="E399" s="7">
        <v>0</v>
      </c>
      <c r="F399" s="8">
        <v>0</v>
      </c>
      <c r="G399" s="9">
        <v>0</v>
      </c>
      <c r="H399" s="16">
        <v>0</v>
      </c>
      <c r="I399" s="42">
        <v>0</v>
      </c>
      <c r="J399" s="9">
        <v>0</v>
      </c>
      <c r="K399" s="16">
        <v>0</v>
      </c>
      <c r="L399" s="42">
        <v>0</v>
      </c>
      <c r="M399" s="9">
        <v>0</v>
      </c>
      <c r="N399" s="16">
        <v>0</v>
      </c>
      <c r="O399" s="17">
        <v>0</v>
      </c>
      <c r="P399" s="9">
        <v>0</v>
      </c>
      <c r="Q399" s="16">
        <v>0</v>
      </c>
      <c r="R399" s="17">
        <v>0</v>
      </c>
      <c r="S399" s="9">
        <v>0</v>
      </c>
      <c r="T399" s="16">
        <v>0</v>
      </c>
      <c r="U399" s="17">
        <v>0</v>
      </c>
      <c r="V399" s="9">
        <v>0</v>
      </c>
      <c r="W399" s="16">
        <v>0</v>
      </c>
      <c r="X399" s="17">
        <v>0</v>
      </c>
      <c r="Y399" s="9">
        <v>0</v>
      </c>
      <c r="Z399" s="78">
        <v>0</v>
      </c>
      <c r="AA399" s="36">
        <v>0</v>
      </c>
    </row>
    <row r="400" spans="1:27" s="12" customFormat="1" ht="12" thickBot="1" x14ac:dyDescent="0.3">
      <c r="A400" s="152"/>
      <c r="B400" s="155"/>
      <c r="C400" s="43" t="s">
        <v>65</v>
      </c>
      <c r="D400" s="44">
        <v>0.16200000000000001</v>
      </c>
      <c r="E400" s="7">
        <v>0.16200000000000001</v>
      </c>
      <c r="F400" s="8">
        <v>0</v>
      </c>
      <c r="G400" s="9">
        <v>0.16200000000000001</v>
      </c>
      <c r="H400" s="45">
        <v>0.16200000000000001</v>
      </c>
      <c r="I400" s="47">
        <v>0</v>
      </c>
      <c r="J400" s="9">
        <v>0</v>
      </c>
      <c r="K400" s="45">
        <v>0</v>
      </c>
      <c r="L400" s="47">
        <v>0</v>
      </c>
      <c r="M400" s="9">
        <v>0</v>
      </c>
      <c r="N400" s="45">
        <v>0</v>
      </c>
      <c r="O400" s="46">
        <v>0</v>
      </c>
      <c r="P400" s="9">
        <v>0</v>
      </c>
      <c r="Q400" s="45">
        <v>0</v>
      </c>
      <c r="R400" s="46">
        <v>0</v>
      </c>
      <c r="S400" s="9">
        <v>0</v>
      </c>
      <c r="T400" s="45">
        <v>0</v>
      </c>
      <c r="U400" s="46">
        <v>0</v>
      </c>
      <c r="V400" s="9">
        <v>0</v>
      </c>
      <c r="W400" s="45">
        <v>0</v>
      </c>
      <c r="X400" s="46">
        <v>0</v>
      </c>
      <c r="Y400" s="9">
        <v>0</v>
      </c>
      <c r="Z400" s="79">
        <v>0</v>
      </c>
      <c r="AA400" s="48">
        <v>0</v>
      </c>
    </row>
    <row r="401" spans="1:27" s="12" customFormat="1" ht="11.25" x14ac:dyDescent="0.25">
      <c r="A401" s="150">
        <v>104</v>
      </c>
      <c r="B401" s="153" t="s">
        <v>148</v>
      </c>
      <c r="C401" s="37" t="s">
        <v>44</v>
      </c>
      <c r="D401" s="38">
        <v>35.340199999999989</v>
      </c>
      <c r="E401" s="7">
        <v>34.152499999999989</v>
      </c>
      <c r="F401" s="8">
        <v>1.1877</v>
      </c>
      <c r="G401" s="9">
        <v>13.61</v>
      </c>
      <c r="H401" s="39">
        <v>12.86</v>
      </c>
      <c r="I401" s="41">
        <v>0.75</v>
      </c>
      <c r="J401" s="9">
        <v>0</v>
      </c>
      <c r="K401" s="39">
        <v>0</v>
      </c>
      <c r="L401" s="41">
        <v>0</v>
      </c>
      <c r="M401" s="9">
        <v>4.2200000000000006</v>
      </c>
      <c r="N401" s="39">
        <v>4.1500000000000004</v>
      </c>
      <c r="O401" s="40">
        <v>7.0000000000000007E-2</v>
      </c>
      <c r="P401" s="9">
        <v>16.850199999999997</v>
      </c>
      <c r="Q401" s="39">
        <v>16.482499999999998</v>
      </c>
      <c r="R401" s="40">
        <v>0.36770000000000003</v>
      </c>
      <c r="S401" s="9">
        <v>0</v>
      </c>
      <c r="T401" s="39">
        <v>0</v>
      </c>
      <c r="U401" s="40">
        <v>0</v>
      </c>
      <c r="V401" s="9">
        <v>0</v>
      </c>
      <c r="W401" s="39">
        <v>0</v>
      </c>
      <c r="X401" s="40">
        <v>0</v>
      </c>
      <c r="Y401" s="9">
        <v>0.66</v>
      </c>
      <c r="Z401" s="80">
        <v>0.66</v>
      </c>
      <c r="AA401" s="40">
        <v>0</v>
      </c>
    </row>
    <row r="402" spans="1:27" s="12" customFormat="1" ht="11.25" x14ac:dyDescent="0.25">
      <c r="A402" s="151"/>
      <c r="B402" s="154"/>
      <c r="C402" s="13" t="s">
        <v>63</v>
      </c>
      <c r="D402" s="18">
        <v>0</v>
      </c>
      <c r="E402" s="7">
        <v>0</v>
      </c>
      <c r="F402" s="8">
        <v>0</v>
      </c>
      <c r="G402" s="9">
        <v>0</v>
      </c>
      <c r="H402" s="16">
        <v>0</v>
      </c>
      <c r="I402" s="42">
        <v>0</v>
      </c>
      <c r="J402" s="9">
        <v>0</v>
      </c>
      <c r="K402" s="16">
        <v>0</v>
      </c>
      <c r="L402" s="42">
        <v>0</v>
      </c>
      <c r="M402" s="9">
        <v>0</v>
      </c>
      <c r="N402" s="16">
        <v>0</v>
      </c>
      <c r="O402" s="17">
        <v>0</v>
      </c>
      <c r="P402" s="9">
        <v>0</v>
      </c>
      <c r="Q402" s="16">
        <v>0</v>
      </c>
      <c r="R402" s="17">
        <v>0</v>
      </c>
      <c r="S402" s="9">
        <v>0</v>
      </c>
      <c r="T402" s="16">
        <v>0</v>
      </c>
      <c r="U402" s="17">
        <v>0</v>
      </c>
      <c r="V402" s="9">
        <v>0</v>
      </c>
      <c r="W402" s="16">
        <v>0</v>
      </c>
      <c r="X402" s="17">
        <v>0</v>
      </c>
      <c r="Y402" s="9">
        <v>0</v>
      </c>
      <c r="Z402" s="78">
        <v>0</v>
      </c>
      <c r="AA402" s="36">
        <v>0</v>
      </c>
    </row>
    <row r="403" spans="1:27" s="12" customFormat="1" ht="11.25" x14ac:dyDescent="0.25">
      <c r="A403" s="163"/>
      <c r="B403" s="162"/>
      <c r="C403" s="15" t="s">
        <v>64</v>
      </c>
      <c r="D403" s="18">
        <v>0</v>
      </c>
      <c r="E403" s="7">
        <v>0</v>
      </c>
      <c r="F403" s="8">
        <v>0</v>
      </c>
      <c r="G403" s="9">
        <v>0</v>
      </c>
      <c r="H403" s="16">
        <v>0</v>
      </c>
      <c r="I403" s="42">
        <v>0</v>
      </c>
      <c r="J403" s="9">
        <v>0</v>
      </c>
      <c r="K403" s="16">
        <v>0</v>
      </c>
      <c r="L403" s="42">
        <v>0</v>
      </c>
      <c r="M403" s="9">
        <v>0</v>
      </c>
      <c r="N403" s="16">
        <v>0</v>
      </c>
      <c r="O403" s="17">
        <v>0</v>
      </c>
      <c r="P403" s="9">
        <v>0</v>
      </c>
      <c r="Q403" s="16">
        <v>0</v>
      </c>
      <c r="R403" s="17">
        <v>0</v>
      </c>
      <c r="S403" s="9">
        <v>0</v>
      </c>
      <c r="T403" s="16">
        <v>0</v>
      </c>
      <c r="U403" s="17">
        <v>0</v>
      </c>
      <c r="V403" s="9">
        <v>0</v>
      </c>
      <c r="W403" s="16">
        <v>0</v>
      </c>
      <c r="X403" s="17">
        <v>0</v>
      </c>
      <c r="Y403" s="9">
        <v>0</v>
      </c>
      <c r="Z403" s="78">
        <v>0</v>
      </c>
      <c r="AA403" s="36">
        <v>0</v>
      </c>
    </row>
    <row r="404" spans="1:27" s="12" customFormat="1" ht="18.75" customHeight="1" thickBot="1" x14ac:dyDescent="0.3">
      <c r="A404" s="163"/>
      <c r="B404" s="162"/>
      <c r="C404" s="15" t="s">
        <v>65</v>
      </c>
      <c r="D404" s="19">
        <v>0</v>
      </c>
      <c r="E404" s="20">
        <v>0</v>
      </c>
      <c r="F404" s="21">
        <v>0</v>
      </c>
      <c r="G404" s="22">
        <v>0</v>
      </c>
      <c r="H404" s="23">
        <v>0</v>
      </c>
      <c r="I404" s="58">
        <v>0</v>
      </c>
      <c r="J404" s="22">
        <v>0</v>
      </c>
      <c r="K404" s="23">
        <v>0</v>
      </c>
      <c r="L404" s="58">
        <v>0</v>
      </c>
      <c r="M404" s="22">
        <v>0</v>
      </c>
      <c r="N404" s="23">
        <v>0</v>
      </c>
      <c r="O404" s="24">
        <v>0</v>
      </c>
      <c r="P404" s="22">
        <v>0</v>
      </c>
      <c r="Q404" s="23">
        <v>0</v>
      </c>
      <c r="R404" s="24">
        <v>0</v>
      </c>
      <c r="S404" s="22">
        <v>0</v>
      </c>
      <c r="T404" s="23">
        <v>0</v>
      </c>
      <c r="U404" s="24">
        <v>0</v>
      </c>
      <c r="V404" s="22">
        <v>0</v>
      </c>
      <c r="W404" s="23">
        <v>0</v>
      </c>
      <c r="X404" s="24">
        <v>0</v>
      </c>
      <c r="Y404" s="22">
        <v>0</v>
      </c>
      <c r="Z404" s="81">
        <v>0</v>
      </c>
      <c r="AA404" s="71">
        <v>0</v>
      </c>
    </row>
    <row r="405" spans="1:27" s="12" customFormat="1" ht="25.5" customHeight="1" thickBot="1" x14ac:dyDescent="0.3">
      <c r="A405" s="138" t="s">
        <v>149</v>
      </c>
      <c r="B405" s="139"/>
      <c r="C405" s="185"/>
      <c r="D405" s="25">
        <v>5306.1652342929292</v>
      </c>
      <c r="E405" s="26">
        <v>4549.3500648484851</v>
      </c>
      <c r="F405" s="26">
        <v>756.81516944444434</v>
      </c>
      <c r="G405" s="27">
        <v>2805.2108767929294</v>
      </c>
      <c r="H405" s="28">
        <v>2468.3658823484848</v>
      </c>
      <c r="I405" s="82">
        <v>336.84499444444447</v>
      </c>
      <c r="J405" s="27">
        <v>72.364500000000007</v>
      </c>
      <c r="K405" s="28">
        <v>58.464500000000008</v>
      </c>
      <c r="L405" s="82">
        <v>13.9</v>
      </c>
      <c r="M405" s="27">
        <v>1342.3880363888888</v>
      </c>
      <c r="N405" s="28">
        <v>1089.9644447222222</v>
      </c>
      <c r="O405" s="29">
        <v>252.42359166666668</v>
      </c>
      <c r="P405" s="27">
        <v>777.81228333333331</v>
      </c>
      <c r="Q405" s="28">
        <v>706.99779999999998</v>
      </c>
      <c r="R405" s="29">
        <v>70.814483333333328</v>
      </c>
      <c r="S405" s="27">
        <v>191.53552777777776</v>
      </c>
      <c r="T405" s="28">
        <v>151.20882777777777</v>
      </c>
      <c r="U405" s="29">
        <v>40.326700000000002</v>
      </c>
      <c r="V405" s="27">
        <v>16.510000000000002</v>
      </c>
      <c r="W405" s="28">
        <v>8.15</v>
      </c>
      <c r="X405" s="29">
        <v>8.3600000000000012</v>
      </c>
      <c r="Y405" s="27">
        <v>100.34401</v>
      </c>
      <c r="Z405" s="28">
        <v>66.198609999999988</v>
      </c>
      <c r="AA405" s="29">
        <v>34.145400000000002</v>
      </c>
    </row>
    <row r="406" spans="1:27" s="83" customFormat="1" ht="21.75" customHeight="1" thickBot="1" x14ac:dyDescent="0.3">
      <c r="A406" s="177" t="s">
        <v>154</v>
      </c>
      <c r="B406" s="178"/>
      <c r="C406" s="178"/>
      <c r="D406" s="103">
        <v>213921.10667314389</v>
      </c>
      <c r="E406" s="104">
        <v>138860.78347914846</v>
      </c>
      <c r="F406" s="104">
        <v>75060.323193995442</v>
      </c>
      <c r="G406" s="99">
        <v>171953.98533965184</v>
      </c>
      <c r="H406" s="105">
        <v>114430.03208998518</v>
      </c>
      <c r="I406" s="106">
        <v>57523.95324966668</v>
      </c>
      <c r="J406" s="99">
        <v>2450.7228888888885</v>
      </c>
      <c r="K406" s="105">
        <v>1449.796</v>
      </c>
      <c r="L406" s="106">
        <v>1000.9268888888889</v>
      </c>
      <c r="M406" s="99">
        <v>30924.444720158775</v>
      </c>
      <c r="N406" s="105">
        <v>17613.871148052222</v>
      </c>
      <c r="O406" s="107">
        <v>13310.573572106552</v>
      </c>
      <c r="P406" s="99">
        <v>4870.3572677777784</v>
      </c>
      <c r="Q406" s="105">
        <v>3679.0681066666666</v>
      </c>
      <c r="R406" s="107">
        <v>1191.2891611111113</v>
      </c>
      <c r="S406" s="99">
        <v>2265.6899666666668</v>
      </c>
      <c r="T406" s="105">
        <v>1042.3633444444445</v>
      </c>
      <c r="U406" s="107">
        <v>1223.3266222222223</v>
      </c>
      <c r="V406" s="99">
        <v>516.06860000000006</v>
      </c>
      <c r="W406" s="105">
        <v>237.73880000000003</v>
      </c>
      <c r="X406" s="107">
        <v>278.32980000000003</v>
      </c>
      <c r="Y406" s="99">
        <v>939.83789000000002</v>
      </c>
      <c r="Z406" s="105">
        <v>407.91398999999996</v>
      </c>
      <c r="AA406" s="105">
        <v>531.9239</v>
      </c>
    </row>
  </sheetData>
  <mergeCells count="208">
    <mergeCell ref="A369:A372"/>
    <mergeCell ref="B369:B372"/>
    <mergeCell ref="A373:A376"/>
    <mergeCell ref="B373:B376"/>
    <mergeCell ref="A377:A380"/>
    <mergeCell ref="B377:B380"/>
    <mergeCell ref="A357:A360"/>
    <mergeCell ref="B357:B360"/>
    <mergeCell ref="A361:A364"/>
    <mergeCell ref="B361:B364"/>
    <mergeCell ref="A365:A368"/>
    <mergeCell ref="B365:B368"/>
    <mergeCell ref="A406:C406"/>
    <mergeCell ref="A393:A396"/>
    <mergeCell ref="B393:B396"/>
    <mergeCell ref="A397:A400"/>
    <mergeCell ref="B397:B400"/>
    <mergeCell ref="A401:A404"/>
    <mergeCell ref="B401:B404"/>
    <mergeCell ref="A381:A384"/>
    <mergeCell ref="B381:B384"/>
    <mergeCell ref="A385:A388"/>
    <mergeCell ref="B385:B388"/>
    <mergeCell ref="A389:A392"/>
    <mergeCell ref="B389:B392"/>
    <mergeCell ref="A405:C405"/>
    <mergeCell ref="B349:B352"/>
    <mergeCell ref="A353:A356"/>
    <mergeCell ref="B353:B356"/>
    <mergeCell ref="A332:C332"/>
    <mergeCell ref="A333:A336"/>
    <mergeCell ref="B333:B336"/>
    <mergeCell ref="A337:A340"/>
    <mergeCell ref="B337:B340"/>
    <mergeCell ref="A341:A344"/>
    <mergeCell ref="B341:B344"/>
    <mergeCell ref="A345:A348"/>
    <mergeCell ref="B345:B348"/>
    <mergeCell ref="A349:A352"/>
    <mergeCell ref="A320:A323"/>
    <mergeCell ref="B320:B323"/>
    <mergeCell ref="A324:A327"/>
    <mergeCell ref="B324:B327"/>
    <mergeCell ref="A328:A331"/>
    <mergeCell ref="B328:B331"/>
    <mergeCell ref="A308:A311"/>
    <mergeCell ref="B308:B311"/>
    <mergeCell ref="A312:A315"/>
    <mergeCell ref="B312:B315"/>
    <mergeCell ref="A316:A319"/>
    <mergeCell ref="B316:B319"/>
    <mergeCell ref="A296:A299"/>
    <mergeCell ref="B296:B299"/>
    <mergeCell ref="A300:A303"/>
    <mergeCell ref="B300:B303"/>
    <mergeCell ref="A304:A307"/>
    <mergeCell ref="B304:B307"/>
    <mergeCell ref="A284:A287"/>
    <mergeCell ref="B284:B287"/>
    <mergeCell ref="A288:A291"/>
    <mergeCell ref="B288:B291"/>
    <mergeCell ref="A292:A295"/>
    <mergeCell ref="B292:B295"/>
    <mergeCell ref="A272:A275"/>
    <mergeCell ref="B272:B275"/>
    <mergeCell ref="A276:A279"/>
    <mergeCell ref="B276:B279"/>
    <mergeCell ref="A280:A283"/>
    <mergeCell ref="B280:B283"/>
    <mergeCell ref="A260:A263"/>
    <mergeCell ref="B260:B263"/>
    <mergeCell ref="A264:A267"/>
    <mergeCell ref="B264:B267"/>
    <mergeCell ref="A268:A271"/>
    <mergeCell ref="B268:B271"/>
    <mergeCell ref="A247:A250"/>
    <mergeCell ref="B247:B250"/>
    <mergeCell ref="A251:C251"/>
    <mergeCell ref="A252:A255"/>
    <mergeCell ref="B252:B255"/>
    <mergeCell ref="A256:A259"/>
    <mergeCell ref="B256:B259"/>
    <mergeCell ref="A235:A238"/>
    <mergeCell ref="B235:B238"/>
    <mergeCell ref="A239:A242"/>
    <mergeCell ref="B239:B242"/>
    <mergeCell ref="A243:A246"/>
    <mergeCell ref="B243:B246"/>
    <mergeCell ref="A223:A226"/>
    <mergeCell ref="B223:B226"/>
    <mergeCell ref="A227:A230"/>
    <mergeCell ref="B227:B230"/>
    <mergeCell ref="A231:A234"/>
    <mergeCell ref="B231:B234"/>
    <mergeCell ref="A210:A213"/>
    <mergeCell ref="B210:B213"/>
    <mergeCell ref="A214:C214"/>
    <mergeCell ref="A215:A218"/>
    <mergeCell ref="B215:B218"/>
    <mergeCell ref="A219:A222"/>
    <mergeCell ref="B219:B222"/>
    <mergeCell ref="A198:A201"/>
    <mergeCell ref="B198:B201"/>
    <mergeCell ref="A202:A205"/>
    <mergeCell ref="B202:B205"/>
    <mergeCell ref="A206:A209"/>
    <mergeCell ref="B206:B209"/>
    <mergeCell ref="A186:A189"/>
    <mergeCell ref="B186:B189"/>
    <mergeCell ref="A190:A193"/>
    <mergeCell ref="B190:B193"/>
    <mergeCell ref="A194:A197"/>
    <mergeCell ref="B194:B197"/>
    <mergeCell ref="A174:A177"/>
    <mergeCell ref="B174:B177"/>
    <mergeCell ref="A178:A181"/>
    <mergeCell ref="B178:B181"/>
    <mergeCell ref="A182:A185"/>
    <mergeCell ref="B182:B185"/>
    <mergeCell ref="A162:A165"/>
    <mergeCell ref="B162:B165"/>
    <mergeCell ref="A166:A169"/>
    <mergeCell ref="B166:B169"/>
    <mergeCell ref="A170:A173"/>
    <mergeCell ref="B170:B173"/>
    <mergeCell ref="A150:A153"/>
    <mergeCell ref="B150:B153"/>
    <mergeCell ref="A154:A157"/>
    <mergeCell ref="B154:B157"/>
    <mergeCell ref="A158:A161"/>
    <mergeCell ref="B158:B161"/>
    <mergeCell ref="A138:A141"/>
    <mergeCell ref="B138:B141"/>
    <mergeCell ref="A142:A145"/>
    <mergeCell ref="B142:B145"/>
    <mergeCell ref="A146:A149"/>
    <mergeCell ref="B146:B149"/>
    <mergeCell ref="A126:A129"/>
    <mergeCell ref="B126:B129"/>
    <mergeCell ref="A130:A133"/>
    <mergeCell ref="B130:B133"/>
    <mergeCell ref="A134:A137"/>
    <mergeCell ref="B134:B137"/>
    <mergeCell ref="A115:A118"/>
    <mergeCell ref="B115:B118"/>
    <mergeCell ref="A119:A122"/>
    <mergeCell ref="B119:B122"/>
    <mergeCell ref="A123:A125"/>
    <mergeCell ref="B123:B125"/>
    <mergeCell ref="A104:A106"/>
    <mergeCell ref="B104:B106"/>
    <mergeCell ref="A107:A110"/>
    <mergeCell ref="B107:B110"/>
    <mergeCell ref="A111:A114"/>
    <mergeCell ref="B111:B114"/>
    <mergeCell ref="A92:A95"/>
    <mergeCell ref="B92:B95"/>
    <mergeCell ref="A96:A99"/>
    <mergeCell ref="B96:B99"/>
    <mergeCell ref="A100:A103"/>
    <mergeCell ref="B100:B103"/>
    <mergeCell ref="A80:A83"/>
    <mergeCell ref="B80:B83"/>
    <mergeCell ref="A84:A87"/>
    <mergeCell ref="B84:B87"/>
    <mergeCell ref="A88:A91"/>
    <mergeCell ref="B88:B91"/>
    <mergeCell ref="A49:C49"/>
    <mergeCell ref="A68:A71"/>
    <mergeCell ref="B68:B71"/>
    <mergeCell ref="A72:A75"/>
    <mergeCell ref="B72:B75"/>
    <mergeCell ref="A76:A79"/>
    <mergeCell ref="B76:B79"/>
    <mergeCell ref="A9:A20"/>
    <mergeCell ref="B9:B20"/>
    <mergeCell ref="A21:C21"/>
    <mergeCell ref="A22:A48"/>
    <mergeCell ref="B22:B48"/>
    <mergeCell ref="Q7:R7"/>
    <mergeCell ref="P7:P8"/>
    <mergeCell ref="N7:O7"/>
    <mergeCell ref="S7:S8"/>
    <mergeCell ref="D7:D8"/>
    <mergeCell ref="E7:F7"/>
    <mergeCell ref="M7:M8"/>
    <mergeCell ref="G7:G8"/>
    <mergeCell ref="H7:I7"/>
    <mergeCell ref="J7:J8"/>
    <mergeCell ref="K7:L7"/>
    <mergeCell ref="S5:AA5"/>
    <mergeCell ref="S6:U6"/>
    <mergeCell ref="V6:X6"/>
    <mergeCell ref="Y6:AA6"/>
    <mergeCell ref="P5:R6"/>
    <mergeCell ref="A4:A8"/>
    <mergeCell ref="B4:B8"/>
    <mergeCell ref="C4:C8"/>
    <mergeCell ref="D4:F6"/>
    <mergeCell ref="M5:O6"/>
    <mergeCell ref="Y7:Y8"/>
    <mergeCell ref="Z7:AA7"/>
    <mergeCell ref="T7:U7"/>
    <mergeCell ref="V7:V8"/>
    <mergeCell ref="W7:X7"/>
    <mergeCell ref="G4:AA4"/>
    <mergeCell ref="G5:I6"/>
    <mergeCell ref="J5:L6"/>
  </mergeCells>
  <pageMargins left="0.7" right="0.7" top="0.75" bottom="0.75" header="0.3" footer="0.3"/>
  <pageSetup paperSize="9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1</vt:i4>
      </vt:variant>
    </vt:vector>
  </HeadingPairs>
  <TitlesOfParts>
    <vt:vector size="1" baseType="lpstr">
      <vt:lpstr>situatie pe discipline preunive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Barbulescu Adrian</dc:creator>
  <cp:lastModifiedBy>Claudia Teodorescu</cp:lastModifiedBy>
  <dcterms:created xsi:type="dcterms:W3CDTF">2020-11-26T08:37:25Z</dcterms:created>
  <dcterms:modified xsi:type="dcterms:W3CDTF">2020-11-26T17:59:09Z</dcterms:modified>
</cp:coreProperties>
</file>